
<file path=[Content_Types].xml><?xml version="1.0" encoding="utf-8"?>
<Types xmlns="http://schemas.openxmlformats.org/package/2006/content-type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worksheets/sheet22.xml" ContentType="application/vnd.openxmlformats-officedocument.spreadsheetml.worksheet+xml"/>
  <Override PartName="/xl/worksheets/sheet23.xml" ContentType="application/vnd.openxmlformats-officedocument.spreadsheetml.worksheet+xml"/>
  <Override PartName="/xl/worksheets/sheet24.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8429"/>
  <workbookPr/>
  <mc:AlternateContent xmlns:mc="http://schemas.openxmlformats.org/markup-compatibility/2006">
    <mc:Choice Requires="x15">
      <x15ac:absPath xmlns:x15ac="http://schemas.microsoft.com/office/spreadsheetml/2010/11/ac" url="C:\Users\calston\Downloads\"/>
    </mc:Choice>
  </mc:AlternateContent>
  <xr:revisionPtr revIDLastSave="0" documentId="13_ncr:1_{DB744F57-D652-499B-89D5-229A214DA96A}" xr6:coauthVersionLast="47" xr6:coauthVersionMax="47" xr10:uidLastSave="{00000000-0000-0000-0000-000000000000}"/>
  <bookViews>
    <workbookView xWindow="-29604" yWindow="1116" windowWidth="23040" windowHeight="12204" tabRatio="940" xr2:uid="{00000000-000D-0000-FFFF-FFFF00000000}"/>
  </bookViews>
  <sheets>
    <sheet name="Index" sheetId="148" r:id="rId1"/>
    <sheet name="Figure 1" sheetId="252" r:id="rId2"/>
    <sheet name="Figure 2" sheetId="253" r:id="rId3"/>
    <sheet name="Figure 1.1" sheetId="254" r:id="rId4"/>
    <sheet name="Figure 1.2" sheetId="255" r:id="rId5"/>
    <sheet name="Figure 2.3" sheetId="228" r:id="rId6"/>
    <sheet name="Figure 2.4" sheetId="229" r:id="rId7"/>
    <sheet name="Figure 2.5" sheetId="230" r:id="rId8"/>
    <sheet name="Figure 2.6" sheetId="231" r:id="rId9"/>
    <sheet name="Figure 2.7" sheetId="232" r:id="rId10"/>
    <sheet name="Figure 3.2" sheetId="244" r:id="rId11"/>
    <sheet name="Figure 3.3" sheetId="245" r:id="rId12"/>
    <sheet name="Figure 3.4" sheetId="246" r:id="rId13"/>
    <sheet name="Box 3.3" sheetId="247" r:id="rId14"/>
    <sheet name="Figure B.1" sheetId="238" r:id="rId15"/>
    <sheet name="Figure B.8" sheetId="239" r:id="rId16"/>
    <sheet name="Figure B.11" sheetId="241" r:id="rId17"/>
    <sheet name="Figure B.12" sheetId="243" r:id="rId18"/>
    <sheet name="Box C.1" sheetId="256" r:id="rId19"/>
    <sheet name="Box C.2" sheetId="257" r:id="rId20"/>
    <sheet name="Table C.1" sheetId="258" r:id="rId21"/>
    <sheet name="Figure D.1" sheetId="235" r:id="rId22"/>
    <sheet name="Figure D.2" sheetId="236" r:id="rId23"/>
    <sheet name="Figure D.4" sheetId="237" r:id="rId24"/>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1178" uniqueCount="283">
  <si>
    <t>Executive summary</t>
  </si>
  <si>
    <t>Figure/Table/Box</t>
  </si>
  <si>
    <t>Name</t>
  </si>
  <si>
    <t>Notes</t>
  </si>
  <si>
    <t>Figure 1</t>
  </si>
  <si>
    <t>Dwelling construction productivity in decline</t>
  </si>
  <si>
    <t>See figure 2.3</t>
  </si>
  <si>
    <t>Figure 2</t>
  </si>
  <si>
    <t>In advanced economies, construction sector productivity was slow</t>
  </si>
  <si>
    <t>See figure D.1</t>
  </si>
  <si>
    <t>Chapter 1</t>
  </si>
  <si>
    <t>Figure 1.1</t>
  </si>
  <si>
    <t>The number of homes built is well below the Housing Accord target, and per person completions are trending down</t>
  </si>
  <si>
    <t>Figure 1.2</t>
  </si>
  <si>
    <t>Completion times have been rising for all housing types</t>
  </si>
  <si>
    <t>Chapter 2</t>
  </si>
  <si>
    <t>Figure 2.3</t>
  </si>
  <si>
    <t>Dwelling construction productivity is in decline</t>
  </si>
  <si>
    <t>Figure 2.4</t>
  </si>
  <si>
    <t>Construction services have outpaced residential building construction labour productivity over the past 30 years</t>
  </si>
  <si>
    <t>Figure 2.5</t>
  </si>
  <si>
    <t>Trends in labour productivity differ by dwelling type</t>
  </si>
  <si>
    <t>Figure 2.6</t>
  </si>
  <si>
    <t>Australia’s measured productivity is relatively high but costs are slightly above average</t>
  </si>
  <si>
    <t>Figure 2.7</t>
  </si>
  <si>
    <t>Construction productivity growth has sometimes outperformed broader productivity growth, but not since the mid‑1990s</t>
  </si>
  <si>
    <t>Chapter 3</t>
  </si>
  <si>
    <t>Figure 3.2</t>
  </si>
  <si>
    <t>The construction industry in Australia and overseas has low concentration</t>
  </si>
  <si>
    <t>Figure 3.3</t>
  </si>
  <si>
    <t>Innovation is low in construction</t>
  </si>
  <si>
    <t>Figure 3.4</t>
  </si>
  <si>
    <t>The dwelling construction workforce is young, and growing strongly</t>
  </si>
  <si>
    <t>Box 3.3</t>
  </si>
  <si>
    <t>Removing professionals from the residential building construction productivity calculations has a modest effect on overall trends</t>
  </si>
  <si>
    <t>Appendix B</t>
  </si>
  <si>
    <t>Figure B.1</t>
  </si>
  <si>
    <t>Labour productivity growth is slow across the construction industry</t>
  </si>
  <si>
    <t>Figure B.8</t>
  </si>
  <si>
    <t>Dwelling construction labour productivity growth is slow</t>
  </si>
  <si>
    <t>Figure B.11</t>
  </si>
  <si>
    <t>Labour productivity trends differ by dwelling type</t>
  </si>
  <si>
    <t>Includes results for all three methods of apportioning hours worked between house and higher-density construction</t>
  </si>
  <si>
    <t>Figure B.12</t>
  </si>
  <si>
    <t>Building construction labour productivity is similar when calculated using gross output and GVA deflators</t>
  </si>
  <si>
    <t>Appendix C</t>
  </si>
  <si>
    <t>Box C.1</t>
  </si>
  <si>
    <t>Quality adjustment decreased the measured price and increased measured output</t>
  </si>
  <si>
    <t>Box C.2</t>
  </si>
  <si>
    <t>Stylised example of the effect of quality adjustment on price</t>
  </si>
  <si>
    <t>Table C.1</t>
  </si>
  <si>
    <t>Estimates of the potential productivity gap needing to be explained by quality mismeasurement in construction between 1994‑95 and 2022‑23</t>
  </si>
  <si>
    <t>Appendix D</t>
  </si>
  <si>
    <t>Figure D.1</t>
  </si>
  <si>
    <t>Low measured construction productivity is an international trend</t>
  </si>
  <si>
    <t>Figure D.2</t>
  </si>
  <si>
    <t>Relative to other advanced economies, the cost of construction was slightly above average in Australia</t>
  </si>
  <si>
    <t>Figure D.4</t>
  </si>
  <si>
    <t>Prior to COVID-19, Australian completions per construction worker were high</t>
  </si>
  <si>
    <t>Data</t>
  </si>
  <si>
    <t>Index of labour productivity</t>
  </si>
  <si>
    <t>Dwelling construction physical productivity (dwellings completed per hour worked)</t>
  </si>
  <si>
    <t>Dwelling construction labour productivity (GVA per hour worked)</t>
  </si>
  <si>
    <t>Whole economy labour productivity (GVA per hour worked)</t>
  </si>
  <si>
    <t>1994-95</t>
  </si>
  <si>
    <t>1995-96</t>
  </si>
  <si>
    <t>1996-97</t>
  </si>
  <si>
    <t>1997-98</t>
  </si>
  <si>
    <t>1998-99</t>
  </si>
  <si>
    <t>1999-2000</t>
  </si>
  <si>
    <t>2000-01</t>
  </si>
  <si>
    <t>2001-02</t>
  </si>
  <si>
    <t>2002-03</t>
  </si>
  <si>
    <t>2003-04</t>
  </si>
  <si>
    <t>2004-05</t>
  </si>
  <si>
    <t>2005-06</t>
  </si>
  <si>
    <t>2006-07</t>
  </si>
  <si>
    <t>2007-08</t>
  </si>
  <si>
    <t>2008-09</t>
  </si>
  <si>
    <t>2009-10</t>
  </si>
  <si>
    <t>2010-11</t>
  </si>
  <si>
    <t>2011-12</t>
  </si>
  <si>
    <t>2012-13</t>
  </si>
  <si>
    <t>2013-14</t>
  </si>
  <si>
    <t>2014-15</t>
  </si>
  <si>
    <t>2015-16</t>
  </si>
  <si>
    <t>2016-17</t>
  </si>
  <si>
    <t>2017-18</t>
  </si>
  <si>
    <t>2018-19</t>
  </si>
  <si>
    <t>2019-20</t>
  </si>
  <si>
    <t>2020-21</t>
  </si>
  <si>
    <t>2021-22</t>
  </si>
  <si>
    <t>2022-23</t>
  </si>
  <si>
    <t>a. Significant data limitations mean construction productivity may be underestimated in some other advanced economies. See Appendix D for more detail.</t>
  </si>
  <si>
    <t>Cumulative productivity lag</t>
  </si>
  <si>
    <t>Australia</t>
  </si>
  <si>
    <t>France</t>
  </si>
  <si>
    <t>Germany</t>
  </si>
  <si>
    <t>Sweden</t>
  </si>
  <si>
    <t>United Kingdom</t>
  </si>
  <si>
    <t>United States</t>
  </si>
  <si>
    <t>1999-00</t>
  </si>
  <si>
    <t>Subheading</t>
  </si>
  <si>
    <t>Source</t>
  </si>
  <si>
    <t>PC estimates using ABS (2021b, table 1, 2024b, table 39, 2024c, table 1).</t>
  </si>
  <si>
    <t xml:space="preserve">a. Three-year centred moving average except at the first and last data point. b. Data for 2020 and 2021 is excluded due to the impact of COVID-19 border closures on Australia’s population growth rate. </t>
  </si>
  <si>
    <t>Panel a (number of dwelling completions, 000s)</t>
  </si>
  <si>
    <t>Houses</t>
  </si>
  <si>
    <t>Higher density</t>
  </si>
  <si>
    <t>Housing Accord target</t>
  </si>
  <si>
    <t>Avg. last 10 years</t>
  </si>
  <si>
    <t>Panel b (number of dwelling completions per 1,000 increase in population)</t>
  </si>
  <si>
    <t>Number of months taken to complete apartments, townhouses and houses, 2008‑09 to 2023‑24</t>
  </si>
  <si>
    <t>ABS (2019, 2024b).</t>
  </si>
  <si>
    <t>a. The average completion times are for apartments in New South Wales, Victoria and Queensland only.</t>
  </si>
  <si>
    <t>Completion times (months)</t>
  </si>
  <si>
    <t>Townhouses</t>
  </si>
  <si>
    <t>Apartments</t>
  </si>
  <si>
    <t>2023-24</t>
  </si>
  <si>
    <t>Proxies for dwelling construction productivity between 1994‑95 and 2022‑23</t>
  </si>
  <si>
    <t>PC estimates using ABS (2024a, 2024c, table 37) (output); ABS (2024c, tables 3 and 21) (deflator); ABS (2024a, 2024e, data explorer, 2024f, EQ06) (hours worked).</t>
  </si>
  <si>
    <t>a. GVA is sourced from the national accounts supply use tables, while the output measure for dwellings completed is sourced from building activity data. b. The deflator is constructed using building activity data. c. The hours worked measure for both productivity measures is constructed by apportioning two digit building construction and construction services hours worked from the labour account using shares of residential building construction and non residential building construction from the labour force survey (building construction) and shares of construction services purchases in the national accounts supply use tables (construction services).</t>
  </si>
  <si>
    <t>Labour productivity index for construction services, residential building construction and dwelling construction between 1994‑95 and 2022‑23</t>
  </si>
  <si>
    <t>PC estimates using ABS (2024a) (output); ABS (2024c, tables 3 and 21, 2024a, 2024b, table 5) (deflators); ABS (2024a, 2024e, data explorer, 2024f, EQ06) (hours worked).</t>
  </si>
  <si>
    <t xml:space="preserve">a. Hours worked and nominal output measures constructed as per figure 2.3. b. Residential building construction output is deflated using building activity data. Construction services output is deflated using data on nominal and chain volume GVA for construction services from the supply‑use tables and national accounts.  </t>
  </si>
  <si>
    <t>Residential building construction</t>
  </si>
  <si>
    <t>Residential construction services</t>
  </si>
  <si>
    <t>Dwelling construction</t>
  </si>
  <si>
    <t>Proxies for house and higher‑density construction productivity, 2001‑02 to 2022‑23</t>
  </si>
  <si>
    <t>PC estimates using figure 2.3 (dwelling construction and whole economy data); ABS (2024c, table 21) (output shares); ABS (2024c, tables 3 and 21) (deflators); BLADE (2024) (input shares).</t>
  </si>
  <si>
    <t>a. Dwelling construction output is split between dwelling types using building activity data. b. Deflators are constructed using building activity data. c. Dwelling construction hours worked are split by dwelling type using the Business Longitudinal Analysis Data Environment (BLADE) Pay As You Go module.</t>
  </si>
  <si>
    <t>Dwellings completed per 10,000 hours worked</t>
  </si>
  <si>
    <t>House construction</t>
  </si>
  <si>
    <t>Higher-density construction</t>
  </si>
  <si>
    <t>GVA per hour worked</t>
  </si>
  <si>
    <t>Whole economy</t>
  </si>
  <si>
    <t>Labour productivity (1994‑95 = 100) and relative construction costs (2020), by country</t>
  </si>
  <si>
    <t>PC estimates using Bontadini et al. (2023); ABS (2023b, table 6); OECD (2024).</t>
  </si>
  <si>
    <t>a. Estimates are for all construction (residential, commercial and civil). b. While attempts have been made to harmonise data across countries, technical differences (such as the treatment of quality improvement) may contribute to differences between series. c. Prices are compared using purchasing power parity exchange rates and thus reflect the opportunity cost of construction; how expensive construction is relative to other local goods and services.</t>
  </si>
  <si>
    <t>Cost of construction</t>
  </si>
  <si>
    <t>Relative costs</t>
  </si>
  <si>
    <t>Difference between construction and whole economy labour productivity growth rates, five‑year​ centred moving average, by country, 1970 to 2007</t>
  </si>
  <si>
    <t>PC estimates using Butlin (1985, tables 31 and 35) (1970 to 1974, backcast) and ABS (2024b, table 5) (1975 to 2007) (output (Australia)); RBA (1996, table 4.10c) (1970 to 1994, backcast) and ABS (2024e, data explorer) (1995 to 2007) (employment (Australia)); Timmer et al. (2015) (international).</t>
  </si>
  <si>
    <t>a. Due to data constraints, productivity is calculated on a per person engaged, not hours worked, basis. b. Productivity for Australia (for both the construction industry and whole economy) is calculated as the ratio of chain volume GVA to labour account employment.</t>
  </si>
  <si>
    <t>Productivity differential</t>
  </si>
  <si>
    <t>Japan</t>
  </si>
  <si>
    <t>(a) Share of output in Top 4 in Australia by industry, 2017 (b) Large firms’ share of employment by country and industry, 2014</t>
  </si>
  <si>
    <t>Andrews et al. (2023); OECD (2017, fig. 2.10).</t>
  </si>
  <si>
    <t>a. Concentration is averaged across three digit ANZSIC codes for each industry. b. Large firms are defined as those employing 200+ workers in Australia, 300+ in Canada and Japan, and 250+ in other countries. Data for Switzerland excludes firms with 1–2 employees, data for Britain excludes small unregistered businesses and data for Japan includes overseas employment. c. Data is for 2014 or closest available year.</t>
  </si>
  <si>
    <t>Share of output in Top 4 in Australia by industry, 2017</t>
  </si>
  <si>
    <t>Industry</t>
  </si>
  <si>
    <t>Concentration</t>
  </si>
  <si>
    <t>Construction</t>
  </si>
  <si>
    <t>Accommodation</t>
  </si>
  <si>
    <t>Professional Scientific</t>
  </si>
  <si>
    <t>Other services</t>
  </si>
  <si>
    <t>Educational</t>
  </si>
  <si>
    <t>Real Estate</t>
  </si>
  <si>
    <t>Administrative</t>
  </si>
  <si>
    <t>Wholesale Trade</t>
  </si>
  <si>
    <t>Health</t>
  </si>
  <si>
    <t>Retail Trade</t>
  </si>
  <si>
    <t>Entertainment</t>
  </si>
  <si>
    <t>Transport</t>
  </si>
  <si>
    <t>Manufacturing</t>
  </si>
  <si>
    <t>IT</t>
  </si>
  <si>
    <t>Utilities</t>
  </si>
  <si>
    <t>Finance</t>
  </si>
  <si>
    <t>Mining</t>
  </si>
  <si>
    <t>Large firms’ share of employment by country and industry, 2014</t>
  </si>
  <si>
    <t>Services</t>
  </si>
  <si>
    <t>USA</t>
  </si>
  <si>
    <t>Britain</t>
  </si>
  <si>
    <t>Canada</t>
  </si>
  <si>
    <t>New Zealand</t>
  </si>
  <si>
    <t>Switzerland</t>
  </si>
  <si>
    <t>Italy</t>
  </si>
  <si>
    <t>(a) Business R&amp;D expenditure per dollar of GVA, 2021-22 (b) Proportion of firms innovating, by industry, 2021-22 to 2022-23</t>
  </si>
  <si>
    <t>PC estimates using ABS (2023, table 1, 2024c, table 5) (R&amp;D expenditure), ABS (2024d, table 1) (proportion of firms innovating).</t>
  </si>
  <si>
    <t>a. R&amp;D expenditure per dollar of GVA is based on ‘intramural’ R&amp;D expenditure. Intramural R&amp;D covers R&amp;D performed by a firm, regardless of the source of funds. As such, intramural R&amp;D omits R&amp;D wholly carried out by a third party. 
b. Innovating firms are firms that introduced any new or significantly improved goods or services or business processes across 2021 22 and 2022 23. Non employing firms are excluded from this measure. c. Several industries are omitted from the above graph due to only one indicator being available (education and training, arts and recreation, and other services) or due to being predominantly public sector (public administration). Using available indicators, other services and arts and recreation had a higher proportion of innovating firms than construction, but education and training had lower R&amp;D per dollar of GVA.</t>
  </si>
  <si>
    <t>Business R&amp;D expenditure per dollar of GVA, 2021-22</t>
  </si>
  <si>
    <t>R&amp;D expenditure per dollar of GVA</t>
  </si>
  <si>
    <t>Accomodation</t>
  </si>
  <si>
    <t>Health care</t>
  </si>
  <si>
    <t>Retail trade</t>
  </si>
  <si>
    <t>Real estate</t>
  </si>
  <si>
    <t>Agriculture</t>
  </si>
  <si>
    <t>Wholesale trade</t>
  </si>
  <si>
    <t>Professional scientific</t>
  </si>
  <si>
    <t>Proportion of firms innovating, by industry, 2021-22 to 2022-23</t>
  </si>
  <si>
    <t>% innovating</t>
  </si>
  <si>
    <t>Age distribution and growth in employment by selected industries</t>
  </si>
  <si>
    <t>PC estimates using ABS (2024f, via data explorer, 2024b, 2024g, EQ06, 2024h).</t>
  </si>
  <si>
    <t xml:space="preserve">a. Residential building construction captures workers whose employer works delivering residential projects, and predominantly includes building companies and developers. Residential construction services captures firms of construction tradespeople, such as electricians and carpenters, who work on residential construction projects. b. The dwelling construction industry combines residential building construction and construction services (additional detail on the associated methodology is in appendix B). </t>
  </si>
  <si>
    <t>Age distribution, February 2023</t>
  </si>
  <si>
    <t>15-24</t>
  </si>
  <si>
    <t>25-34</t>
  </si>
  <si>
    <t>35-44</t>
  </si>
  <si>
    <t>45-54</t>
  </si>
  <si>
    <t>55-64</t>
  </si>
  <si>
    <t>65+</t>
  </si>
  <si>
    <t>All industries</t>
  </si>
  <si>
    <t>Growth in employment, 1994-95 to 2022-23</t>
  </si>
  <si>
    <t>PC estimates using ABS (2024b, Data Explorer, 2024c, table 5, 2024g, EQ6, 2024f, table 6, 2024e, 2024h)</t>
  </si>
  <si>
    <t>a. Left‑hand side uses the Jobs in Australia ABS publication to calculate the number of employees while the right‑hand side uses the Participation, Job Search and Mobility (PJSM) ABS publication. b. Estimates of residential building construction output derived using same methods as figure 2.3. c. PJSM data from 2015, for example, is used for the 2014‑15 financial year. The PJSM employment data has high standard errors, but it was used as there are few alternative sources of employment data at the level of residential building construction.</t>
  </si>
  <si>
    <t>Jobs in Australia (LEED)</t>
  </si>
  <si>
    <t>Residential building construction GVA per employee (actual)</t>
  </si>
  <si>
    <t>Residential building construction GVA per employee (counterfactual)</t>
  </si>
  <si>
    <t>PJSM (labour force survey)</t>
  </si>
  <si>
    <t xml:space="preserve">Index of labour productivity by industry subdivision, 1994‑95 to 2022‑23 </t>
  </si>
  <si>
    <t>PC estimates using ABS (2024c, table 5) (real output); ABS (2024f via data explorer) (hours worked).</t>
  </si>
  <si>
    <t>a. Constructed as the ratio of gross value added by industry subdivision in the national accounts to hours worked by industry subdivision in the labour account.</t>
  </si>
  <si>
    <t>Building construction</t>
  </si>
  <si>
    <t>Heavy and civil engineering</t>
  </si>
  <si>
    <t>Construction services</t>
  </si>
  <si>
    <t>Index of proxies for labour and physical productivity, 1994‑95 to 2022‑23</t>
  </si>
  <si>
    <t>PC estimates using ABS (2024b, 2024d, table 37) (nominal output); ABS (2024d, tables 3 and 21) (deflator); ABS (2024b, 2024f via data explorer, 2024g, EQ06) (hours worked).</t>
  </si>
  <si>
    <t>a. GVA is sourced from the national accounts supply use tables, while the output measure for dwellings completed is sourced from building activity survey data. b. The deflator is constructed using building activity survey data. c. The hours worked measure for both productivity measures is constructed by apportioning two digit building construction(30) and construction services(32) hours worked from the labour account using shares of residential building construction(301) and non residential building construction(302) from the labour force survey (building construction(30)) and shares of construction services purchases in the national accounts supply use tables (construction services(32)).</t>
  </si>
  <si>
    <t>Index of proxies for labour and physical productivity, 2001‑02 to 2022‑23</t>
  </si>
  <si>
    <t>PC estimates using figure B.8 (underlying dwelling construction data); ABS (2024d, table 21) (output shares); ABS (2024d, tables 3 and 21) (deflator); BLADE (2024) (input shares).</t>
  </si>
  <si>
    <t>a. Dwelling construction output is split between dwelling types using building activity survey data. b. Deflators are also constructed using building activity survey data. c. Dwelling construction hours worked are split by dwelling type using BLADE’s PAYG module.</t>
  </si>
  <si>
    <t>METHOD THREE (USED IN REPORT)</t>
  </si>
  <si>
    <t>METHOD ONE</t>
  </si>
  <si>
    <t>METHOD TWO</t>
  </si>
  <si>
    <t>Dwellings completed per hour worked</t>
  </si>
  <si>
    <t>Index of proxies for labour productivity, 1994‑95 to 2022‑23</t>
  </si>
  <si>
    <t>PC estimates using ABS (2024c, table 5, 2024f via data explorer) (official statistics); ABS (2024b) (output), ABS (2024d, tables 1 and 12) (deflator), ABS (2024f via data explorer) (hours worked) (dwelling construction method).</t>
  </si>
  <si>
    <t>Using 3-digit dwelling construction method</t>
  </si>
  <si>
    <t>Using official statistics</t>
  </si>
  <si>
    <t>The impact of quality adjustment on price</t>
  </si>
  <si>
    <t>Price index (no quality adjustment)</t>
  </si>
  <si>
    <t>Price index (quality adjusted)</t>
  </si>
  <si>
    <t>Baseline level</t>
  </si>
  <si>
    <t>The impact of quality adjustment on output</t>
  </si>
  <si>
    <t>Output index (no quality adjustment)</t>
  </si>
  <si>
    <t>Output index (quality adjusted)</t>
  </si>
  <si>
    <t>Cost of new project home before and after quality adjustment</t>
  </si>
  <si>
    <t>ABS (pers. comm., 9 September 2024).</t>
  </si>
  <si>
    <t>Price ($)</t>
  </si>
  <si>
    <t>Change since 2022-23 ($)</t>
  </si>
  <si>
    <t>% change</t>
  </si>
  <si>
    <t>Old price</t>
  </si>
  <si>
    <t>-</t>
  </si>
  <si>
    <t>New raw price</t>
  </si>
  <si>
    <t>New ABS quality-adjusted price</t>
  </si>
  <si>
    <t>18,000 – 7,000 = 11,000</t>
  </si>
  <si>
    <t>Annual labour productivity growth in construction and the whole economy before and after adjustment is made for unmeasured quality, as well as the gap between the two</t>
  </si>
  <si>
    <t>ABS (2024b, table 5, 2024d, EQ6, 2024c, table 6, 2024a, Data Explorer); Borg and Song (2014); Garcia and Molloy (2023), Harris (2007).</t>
  </si>
  <si>
    <t xml:space="preserve">a. Labour productivity in dwelling construction and the whole economy before quality adjustment have been rounded in this table, they are closer to 0.4398346 and 1.3845879 respectively. B. Calculating gaps and adding adjustments are done of the basis of: z = ((1+x)/(1+y)) - 1 = rather than z = x - y. For example, the gap between annual construction industry productivity growth and that of the whole economy (before quality adjustment) is ((1-0.0044)/(1+0.0138)) - 1 = -0.018. Likewise, the calculation of the effect of quality adjustment is done on the basis of z = (1+x)(1+y) rather than z = x + y. </t>
  </si>
  <si>
    <t>Before quality adjustment (percentage points)</t>
  </si>
  <si>
    <t>Quality adjustment (percentage points)</t>
  </si>
  <si>
    <t>After quality adjustment (percentage points)</t>
  </si>
  <si>
    <t>0.44 to 0.80</t>
  </si>
  <si>
    <t>0.00 to 0.36</t>
  </si>
  <si>
    <t>0.37 to 0.60</t>
  </si>
  <si>
    <t>1.76 to 1.99</t>
  </si>
  <si>
    <t>Gap</t>
  </si>
  <si>
    <t>-1.38 to -1.96</t>
  </si>
  <si>
    <t>Construction labour productivity and the cumulative construction labour productivity gap for select advanced economies</t>
  </si>
  <si>
    <t>ABS (2023, table 6) for Australia, Bontadini et al. (2023) for other countries.</t>
  </si>
  <si>
    <t>a. Labour productivity is calculated based on hours worked. b. The cumulative productivity gap is the cumulative difference between construction sector productivity growth and market sector productivity growth. Australian data, unlike data for other countries, excludes the real estate sector from the market sector, which results in the cumulative productivity being slightly smaller (this does not substantially impact results). c. Estimates are for all construction (residential, commercial and civil), not just residential building construction. d. While attempts have been made to harmonise data across countries, technical differences are likely to contribute to differences between series. For example, different countries use different procedures to account for quality changes and non Australian data is reported by calendar year but has been converted to prior financial year (for example, 2020 = 2019 20).</t>
  </si>
  <si>
    <t>Construction Labour Productivity</t>
  </si>
  <si>
    <t>year</t>
  </si>
  <si>
    <t>Relative construction prices for advanced economies, 2020</t>
  </si>
  <si>
    <t>OECD (2024b)</t>
  </si>
  <si>
    <t>a. Prices are converted to PPP exchange rates and therefore reflect the opportunity cost of construction. That is, prices reflect how many other goods one unit of construction costs (relative to Australia). b. Results are sensitive to the choice of comparator countries as less advanced economies often have cheaper prices due to cheaper inputs. Australian construction is expensive relative to all OECD countries.</t>
  </si>
  <si>
    <t>country</t>
  </si>
  <si>
    <t>relative cost of construction</t>
  </si>
  <si>
    <t>Finland</t>
  </si>
  <si>
    <t>Norway</t>
  </si>
  <si>
    <t>Denmark</t>
  </si>
  <si>
    <t>Dwelling completions per construction worker, 2010 and 2011, 2017 and 2018, 2021 and 2022</t>
  </si>
  <si>
    <t>Commission estimates based on OECD (2024a) and OECD (2024c)</t>
  </si>
  <si>
    <t>a. Workers represents workers across all of construction (residential, non-residential and civil/engineering), not just residential new builds. b. The Affordable Housing Database contains results for different countries in different years. This figure presents only a subset of the countries with data in 2010 or 2011, 2017 or 2018 and 2021 or 2022 (with only 1 year selected for each country in each period). However, Australia’s relative performance is similar in the full sample.</t>
  </si>
  <si>
    <t>Period</t>
  </si>
  <si>
    <t>Country</t>
  </si>
  <si>
    <t>Dwellings constructed per thousand workers</t>
  </si>
  <si>
    <t>2010 &amp; 2011</t>
  </si>
  <si>
    <t>Spain</t>
  </si>
  <si>
    <t>US</t>
  </si>
  <si>
    <t>Portugal</t>
  </si>
  <si>
    <t>2017 &amp; 2018</t>
  </si>
  <si>
    <t>2021 &amp; 2022</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4">
    <numFmt numFmtId="44" formatCode="_-&quot;$&quot;* #,##0.00_-;\-&quot;$&quot;* #,##0.00_-;_-&quot;$&quot;* &quot;-&quot;??_-;_-@_-"/>
    <numFmt numFmtId="43" formatCode="_-* #,##0.00_-;\-* #,##0.00_-;_-* &quot;-&quot;??_-;_-@_-"/>
    <numFmt numFmtId="164" formatCode="0.000"/>
    <numFmt numFmtId="165" formatCode="0\%"/>
  </numFmts>
  <fonts count="31" x14ac:knownFonts="1">
    <font>
      <sz val="10"/>
      <color theme="1"/>
      <name val="Arial"/>
      <family val="2"/>
    </font>
    <font>
      <sz val="11"/>
      <color theme="1"/>
      <name val="Arial"/>
      <family val="2"/>
      <scheme val="minor"/>
    </font>
    <font>
      <sz val="10"/>
      <color rgb="FF000000"/>
      <name val="Arial"/>
      <family val="2"/>
    </font>
    <font>
      <b/>
      <sz val="10"/>
      <color rgb="FF000000"/>
      <name val="Arial"/>
      <family val="2"/>
    </font>
    <font>
      <b/>
      <sz val="10"/>
      <color theme="1"/>
      <name val="Arial"/>
      <family val="2"/>
      <scheme val="minor"/>
    </font>
    <font>
      <b/>
      <sz val="10"/>
      <color theme="1"/>
      <name val="Arial"/>
      <family val="2"/>
    </font>
    <font>
      <sz val="10"/>
      <color theme="1"/>
      <name val="Arial"/>
      <family val="2"/>
      <scheme val="major"/>
    </font>
    <font>
      <sz val="10"/>
      <color theme="1"/>
      <name val="Arial"/>
      <family val="2"/>
      <scheme val="minor"/>
    </font>
    <font>
      <sz val="10"/>
      <name val="Arial"/>
      <family val="2"/>
    </font>
    <font>
      <sz val="8"/>
      <name val="Arial"/>
      <family val="2"/>
    </font>
    <font>
      <sz val="10"/>
      <color theme="1"/>
      <name val="Calibri"/>
      <family val="2"/>
    </font>
    <font>
      <sz val="10"/>
      <color theme="1"/>
      <name val="Arial"/>
      <family val="2"/>
    </font>
    <font>
      <i/>
      <sz val="10"/>
      <color theme="1"/>
      <name val="Arial"/>
      <family val="2"/>
    </font>
    <font>
      <b/>
      <sz val="11"/>
      <color theme="0"/>
      <name val="Arial"/>
      <family val="2"/>
      <scheme val="minor"/>
    </font>
    <font>
      <b/>
      <sz val="10"/>
      <color theme="0"/>
      <name val="Arial"/>
      <family val="2"/>
    </font>
    <font>
      <sz val="10"/>
      <color theme="0"/>
      <name val="Arial"/>
      <family val="2"/>
    </font>
    <font>
      <i/>
      <sz val="10"/>
      <color theme="1"/>
      <name val="Arial"/>
      <family val="2"/>
      <scheme val="minor"/>
    </font>
    <font>
      <b/>
      <sz val="11"/>
      <color theme="0"/>
      <name val="Arial"/>
      <scheme val="minor"/>
    </font>
    <font>
      <i/>
      <sz val="10"/>
      <color theme="1"/>
      <name val="Arial"/>
      <scheme val="minor"/>
    </font>
    <font>
      <sz val="10"/>
      <color rgb="FF000000"/>
      <name val="Arial"/>
      <family val="2"/>
      <scheme val="minor"/>
    </font>
    <font>
      <sz val="10"/>
      <name val="Arial"/>
      <scheme val="minor"/>
    </font>
    <font>
      <b/>
      <sz val="10"/>
      <color theme="1"/>
      <name val="Arial"/>
      <family val="2"/>
      <scheme val="major"/>
    </font>
    <font>
      <i/>
      <sz val="10"/>
      <color theme="1"/>
      <name val="Arial"/>
      <family val="2"/>
      <scheme val="major"/>
    </font>
    <font>
      <b/>
      <sz val="10"/>
      <color theme="0"/>
      <name val="Arial"/>
      <family val="2"/>
      <scheme val="major"/>
    </font>
    <font>
      <b/>
      <sz val="11"/>
      <color theme="0"/>
      <name val="Arial"/>
      <family val="2"/>
      <scheme val="major"/>
    </font>
    <font>
      <sz val="10"/>
      <color theme="0"/>
      <name val="Arial"/>
      <family val="2"/>
      <scheme val="major"/>
    </font>
    <font>
      <sz val="10"/>
      <color rgb="FF000000"/>
      <name val="Arial"/>
      <family val="2"/>
      <scheme val="major"/>
    </font>
    <font>
      <b/>
      <sz val="10"/>
      <color rgb="FF000000"/>
      <name val="Arial"/>
      <family val="2"/>
      <scheme val="major"/>
    </font>
    <font>
      <b/>
      <sz val="10"/>
      <color theme="0"/>
      <name val="Arial"/>
      <family val="2"/>
      <scheme val="minor"/>
    </font>
    <font>
      <sz val="10"/>
      <color rgb="FF000000"/>
      <name val="Calibri"/>
      <family val="2"/>
    </font>
    <font>
      <sz val="10"/>
      <name val="Arial"/>
      <family val="2"/>
      <scheme val="minor"/>
    </font>
  </fonts>
  <fills count="4">
    <fill>
      <patternFill patternType="none"/>
    </fill>
    <fill>
      <patternFill patternType="gray125"/>
    </fill>
    <fill>
      <patternFill patternType="solid">
        <fgColor theme="0" tint="-0.14999847407452621"/>
        <bgColor indexed="64"/>
      </patternFill>
    </fill>
    <fill>
      <patternFill patternType="solid">
        <fgColor theme="1" tint="0.499984740745262"/>
        <bgColor indexed="64"/>
      </patternFill>
    </fill>
  </fills>
  <borders count="1">
    <border>
      <left/>
      <right/>
      <top/>
      <bottom/>
      <diagonal/>
    </border>
  </borders>
  <cellStyleXfs count="9">
    <xf numFmtId="0" fontId="0" fillId="0" borderId="0"/>
    <xf numFmtId="0" fontId="1" fillId="0" borderId="0"/>
    <xf numFmtId="0" fontId="8" fillId="0" borderId="0"/>
    <xf numFmtId="0" fontId="10" fillId="0" borderId="0"/>
    <xf numFmtId="9" fontId="11" fillId="0" borderId="0" applyFont="0" applyFill="0" applyBorder="0" applyAlignment="0" applyProtection="0"/>
    <xf numFmtId="9" fontId="11" fillId="0" borderId="0" applyFont="0" applyFill="0" applyBorder="0" applyAlignment="0" applyProtection="0"/>
    <xf numFmtId="0" fontId="11" fillId="0" borderId="0"/>
    <xf numFmtId="43" fontId="11" fillId="0" borderId="0" applyFont="0" applyFill="0" applyBorder="0" applyAlignment="0" applyProtection="0"/>
    <xf numFmtId="44" fontId="11" fillId="0" borderId="0" applyFont="0" applyFill="0" applyBorder="0" applyAlignment="0" applyProtection="0"/>
  </cellStyleXfs>
  <cellXfs count="82">
    <xf numFmtId="0" fontId="0" fillId="0" borderId="0" xfId="0"/>
    <xf numFmtId="0" fontId="2" fillId="0" borderId="0" xfId="0" applyFont="1"/>
    <xf numFmtId="2" fontId="0" fillId="0" borderId="0" xfId="0" applyNumberFormat="1"/>
    <xf numFmtId="0" fontId="5" fillId="0" borderId="0" xfId="0" applyFont="1"/>
    <xf numFmtId="0" fontId="3" fillId="0" borderId="0" xfId="0" applyFont="1"/>
    <xf numFmtId="0" fontId="6" fillId="0" borderId="0" xfId="0" applyFont="1"/>
    <xf numFmtId="1" fontId="6" fillId="0" borderId="0" xfId="0" applyNumberFormat="1" applyFont="1"/>
    <xf numFmtId="0" fontId="7" fillId="0" borderId="0" xfId="0" applyFont="1"/>
    <xf numFmtId="0" fontId="5" fillId="0" borderId="0" xfId="0" applyFont="1" applyAlignment="1">
      <alignment horizontal="right"/>
    </xf>
    <xf numFmtId="0" fontId="0" fillId="0" borderId="0" xfId="0" applyAlignment="1">
      <alignment wrapText="1"/>
    </xf>
    <xf numFmtId="0" fontId="6" fillId="0" borderId="0" xfId="0" applyFont="1" applyAlignment="1">
      <alignment wrapText="1"/>
    </xf>
    <xf numFmtId="14" fontId="0" fillId="0" borderId="0" xfId="0" applyNumberFormat="1"/>
    <xf numFmtId="0" fontId="12" fillId="0" borderId="0" xfId="0" applyFont="1"/>
    <xf numFmtId="9" fontId="0" fillId="0" borderId="0" xfId="4" applyFont="1"/>
    <xf numFmtId="9" fontId="2" fillId="0" borderId="0" xfId="4" applyFont="1"/>
    <xf numFmtId="0" fontId="12" fillId="0" borderId="0" xfId="0" applyFont="1" applyAlignment="1">
      <alignment horizontal="right"/>
    </xf>
    <xf numFmtId="0" fontId="5" fillId="2" borderId="0" xfId="0" applyFont="1" applyFill="1"/>
    <xf numFmtId="0" fontId="0" fillId="3" borderId="0" xfId="0" applyFill="1"/>
    <xf numFmtId="0" fontId="14" fillId="3" borderId="0" xfId="0" applyFont="1" applyFill="1"/>
    <xf numFmtId="0" fontId="15" fillId="3" borderId="0" xfId="0" applyFont="1" applyFill="1"/>
    <xf numFmtId="0" fontId="13" fillId="3" borderId="0" xfId="0" applyFont="1" applyFill="1"/>
    <xf numFmtId="0" fontId="16" fillId="0" borderId="0" xfId="0" applyFont="1"/>
    <xf numFmtId="0" fontId="0" fillId="2" borderId="0" xfId="0" applyFill="1"/>
    <xf numFmtId="0" fontId="4" fillId="2" borderId="0" xfId="0" applyFont="1" applyFill="1"/>
    <xf numFmtId="0" fontId="17" fillId="3" borderId="0" xfId="0" applyFont="1" applyFill="1"/>
    <xf numFmtId="0" fontId="18" fillId="0" borderId="0" xfId="0" applyFont="1"/>
    <xf numFmtId="0" fontId="19" fillId="0" borderId="0" xfId="0" applyFont="1"/>
    <xf numFmtId="0" fontId="7" fillId="0" borderId="0" xfId="0" applyFont="1" applyAlignment="1">
      <alignment horizontal="center"/>
    </xf>
    <xf numFmtId="2" fontId="7" fillId="0" borderId="0" xfId="0" applyNumberFormat="1" applyFont="1"/>
    <xf numFmtId="0" fontId="20" fillId="0" borderId="0" xfId="0" applyFont="1"/>
    <xf numFmtId="0" fontId="20" fillId="0" borderId="0" xfId="0" applyFont="1" applyAlignment="1">
      <alignment vertical="center"/>
    </xf>
    <xf numFmtId="2" fontId="19" fillId="0" borderId="0" xfId="0" applyNumberFormat="1" applyFont="1"/>
    <xf numFmtId="9" fontId="19" fillId="0" borderId="0" xfId="4" applyFont="1"/>
    <xf numFmtId="49" fontId="7" fillId="0" borderId="0" xfId="0" applyNumberFormat="1" applyFont="1"/>
    <xf numFmtId="0" fontId="21" fillId="0" borderId="0" xfId="0" applyFont="1"/>
    <xf numFmtId="0" fontId="22" fillId="0" borderId="0" xfId="0" applyFont="1"/>
    <xf numFmtId="2" fontId="6" fillId="0" borderId="0" xfId="0" applyNumberFormat="1" applyFont="1"/>
    <xf numFmtId="0" fontId="23" fillId="3" borderId="0" xfId="0" applyFont="1" applyFill="1"/>
    <xf numFmtId="0" fontId="24" fillId="3" borderId="0" xfId="0" applyFont="1" applyFill="1"/>
    <xf numFmtId="0" fontId="25" fillId="3" borderId="0" xfId="0" applyFont="1" applyFill="1"/>
    <xf numFmtId="0" fontId="26" fillId="0" borderId="0" xfId="0" applyFont="1"/>
    <xf numFmtId="0" fontId="21" fillId="2" borderId="0" xfId="0" applyFont="1" applyFill="1"/>
    <xf numFmtId="0" fontId="6" fillId="2" borderId="0" xfId="0" applyFont="1" applyFill="1"/>
    <xf numFmtId="0" fontId="27" fillId="0" borderId="0" xfId="0" applyFont="1"/>
    <xf numFmtId="0" fontId="22" fillId="0" borderId="0" xfId="0" applyFont="1" applyAlignment="1">
      <alignment horizontal="right"/>
    </xf>
    <xf numFmtId="0" fontId="21" fillId="0" borderId="0" xfId="0" applyFont="1" applyAlignment="1">
      <alignment horizontal="right"/>
    </xf>
    <xf numFmtId="2" fontId="26" fillId="0" borderId="0" xfId="0" applyNumberFormat="1" applyFont="1"/>
    <xf numFmtId="1" fontId="26" fillId="0" borderId="0" xfId="0" applyNumberFormat="1" applyFont="1"/>
    <xf numFmtId="1" fontId="26" fillId="0" borderId="0" xfId="4" applyNumberFormat="1" applyFont="1"/>
    <xf numFmtId="1" fontId="6" fillId="0" borderId="0" xfId="4" applyNumberFormat="1" applyFont="1"/>
    <xf numFmtId="9" fontId="26" fillId="0" borderId="0" xfId="4" applyFont="1"/>
    <xf numFmtId="9" fontId="6" fillId="0" borderId="0" xfId="4" applyFont="1"/>
    <xf numFmtId="1" fontId="6" fillId="0" borderId="0" xfId="4" applyNumberFormat="1" applyFont="1" applyAlignment="1">
      <alignment horizontal="right"/>
    </xf>
    <xf numFmtId="1" fontId="6" fillId="0" borderId="0" xfId="0" applyNumberFormat="1" applyFont="1" applyAlignment="1">
      <alignment horizontal="right"/>
    </xf>
    <xf numFmtId="9" fontId="6" fillId="0" borderId="0" xfId="4" applyFont="1" applyAlignment="1">
      <alignment horizontal="right"/>
    </xf>
    <xf numFmtId="0" fontId="28" fillId="3" borderId="0" xfId="0" applyFont="1" applyFill="1"/>
    <xf numFmtId="0" fontId="29" fillId="0" borderId="0" xfId="0" applyFont="1"/>
    <xf numFmtId="0" fontId="6" fillId="0" borderId="0" xfId="0" applyFont="1" applyAlignment="1">
      <alignment horizontal="center"/>
    </xf>
    <xf numFmtId="0" fontId="30" fillId="0" borderId="0" xfId="0" applyFont="1"/>
    <xf numFmtId="0" fontId="30" fillId="0" borderId="0" xfId="0" applyFont="1" applyAlignment="1">
      <alignment vertical="center"/>
    </xf>
    <xf numFmtId="0" fontId="4" fillId="0" borderId="0" xfId="0" applyFont="1" applyAlignment="1">
      <alignment horizontal="center"/>
    </xf>
    <xf numFmtId="0" fontId="6" fillId="0" borderId="0" xfId="0" applyFont="1" applyAlignment="1">
      <alignment horizontal="right"/>
    </xf>
    <xf numFmtId="0" fontId="0" fillId="0" borderId="0" xfId="0" applyAlignment="1">
      <alignment horizontal="right"/>
    </xf>
    <xf numFmtId="2" fontId="2" fillId="0" borderId="0" xfId="0" applyNumberFormat="1" applyFont="1"/>
    <xf numFmtId="9" fontId="0" fillId="0" borderId="0" xfId="4" applyFont="1" applyAlignment="1">
      <alignment horizontal="right"/>
    </xf>
    <xf numFmtId="164" fontId="2" fillId="0" borderId="0" xfId="0" applyNumberFormat="1" applyFont="1"/>
    <xf numFmtId="1" fontId="0" fillId="0" borderId="0" xfId="0" applyNumberFormat="1"/>
    <xf numFmtId="165" fontId="0" fillId="0" borderId="0" xfId="0" applyNumberFormat="1"/>
    <xf numFmtId="0" fontId="4" fillId="0" borderId="0" xfId="0" applyFont="1"/>
    <xf numFmtId="3" fontId="26" fillId="0" borderId="0" xfId="0" applyNumberFormat="1" applyFont="1"/>
    <xf numFmtId="9" fontId="6" fillId="0" borderId="0" xfId="4" quotePrefix="1" applyFont="1"/>
    <xf numFmtId="0" fontId="6" fillId="0" borderId="0" xfId="4" applyNumberFormat="1" applyFont="1"/>
    <xf numFmtId="0" fontId="26" fillId="0" borderId="0" xfId="4" applyNumberFormat="1" applyFont="1"/>
    <xf numFmtId="0" fontId="6" fillId="0" borderId="0" xfId="4" applyNumberFormat="1" applyFont="1" applyAlignment="1">
      <alignment horizontal="right"/>
    </xf>
    <xf numFmtId="1" fontId="2" fillId="0" borderId="0" xfId="0" applyNumberFormat="1" applyFont="1"/>
    <xf numFmtId="1" fontId="22" fillId="0" borderId="0" xfId="0" applyNumberFormat="1" applyFont="1" applyAlignment="1">
      <alignment horizontal="right"/>
    </xf>
    <xf numFmtId="1" fontId="19" fillId="0" borderId="0" xfId="0" applyNumberFormat="1" applyFont="1"/>
    <xf numFmtId="1" fontId="19" fillId="0" borderId="0" xfId="4" applyNumberFormat="1" applyFont="1"/>
    <xf numFmtId="1" fontId="7" fillId="0" borderId="0" xfId="4" applyNumberFormat="1" applyFont="1"/>
    <xf numFmtId="1" fontId="7" fillId="0" borderId="0" xfId="4" applyNumberFormat="1" applyFont="1" applyAlignment="1">
      <alignment horizontal="right"/>
    </xf>
    <xf numFmtId="1" fontId="7" fillId="0" borderId="0" xfId="0" applyNumberFormat="1" applyFont="1" applyAlignment="1">
      <alignment horizontal="right"/>
    </xf>
    <xf numFmtId="1" fontId="7" fillId="0" borderId="0" xfId="0" applyNumberFormat="1" applyFont="1"/>
  </cellXfs>
  <cellStyles count="9">
    <cellStyle name="Comma 2" xfId="7" xr:uid="{8EF82C44-1703-4CA5-AB33-73DF9AB83F7B}"/>
    <cellStyle name="Currency 2" xfId="8" xr:uid="{CD07A1D5-A08A-41A7-A887-F194C465D81D}"/>
    <cellStyle name="Normal" xfId="0" builtinId="0"/>
    <cellStyle name="Normal 15" xfId="2" xr:uid="{92D30881-9182-46E4-8E21-DA5A191CA490}"/>
    <cellStyle name="Normal 17" xfId="1" xr:uid="{D41CBCDA-3A07-4D3A-AF2B-D8FD6194B09B}"/>
    <cellStyle name="Normal 2" xfId="6" xr:uid="{DC9D73B2-9E83-4B5E-B86C-830498BE9486}"/>
    <cellStyle name="Normal 3" xfId="3" xr:uid="{9CDC6770-8307-46FB-A60D-15C5F2F19FAB}"/>
    <cellStyle name="Percent" xfId="4" builtinId="5"/>
    <cellStyle name="Percent 2" xfId="5" xr:uid="{B2EB6EDE-4944-4B52-A66A-AE988E67E025}"/>
  </cellStyles>
  <dxfs count="0"/>
  <tableStyles count="0" defaultTableStyle="TableStyleMedium2" defaultPivotStyle="PivotStyleLight16"/>
  <colors>
    <mruColors>
      <color rgb="FFADADAD"/>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worksheet" Target="worksheets/sheet18.xml"/><Relationship Id="rId26" Type="http://schemas.openxmlformats.org/officeDocument/2006/relationships/styles" Target="styles.xml"/><Relationship Id="rId3" Type="http://schemas.openxmlformats.org/officeDocument/2006/relationships/worksheet" Target="worksheets/sheet3.xml"/><Relationship Id="rId21" Type="http://schemas.openxmlformats.org/officeDocument/2006/relationships/worksheet" Target="worksheets/sheet21.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theme" Target="theme/theme1.xml"/><Relationship Id="rId2" Type="http://schemas.openxmlformats.org/officeDocument/2006/relationships/worksheet" Target="worksheets/sheet2.xml"/><Relationship Id="rId16" Type="http://schemas.openxmlformats.org/officeDocument/2006/relationships/worksheet" Target="worksheets/sheet16.xml"/><Relationship Id="rId20" Type="http://schemas.openxmlformats.org/officeDocument/2006/relationships/worksheet" Target="worksheets/sheet20.xml"/><Relationship Id="rId29"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worksheet" Target="worksheets/sheet24.xml"/><Relationship Id="rId32" Type="http://schemas.openxmlformats.org/officeDocument/2006/relationships/customXml" Target="../customXml/item5.xml"/><Relationship Id="rId5" Type="http://schemas.openxmlformats.org/officeDocument/2006/relationships/worksheet" Target="worksheets/sheet5.xml"/><Relationship Id="rId15" Type="http://schemas.openxmlformats.org/officeDocument/2006/relationships/worksheet" Target="worksheets/sheet15.xml"/><Relationship Id="rId23" Type="http://schemas.openxmlformats.org/officeDocument/2006/relationships/worksheet" Target="worksheets/sheet23.xml"/><Relationship Id="rId28" Type="http://schemas.openxmlformats.org/officeDocument/2006/relationships/customXml" Target="../customXml/item1.xml"/><Relationship Id="rId10" Type="http://schemas.openxmlformats.org/officeDocument/2006/relationships/worksheet" Target="worksheets/sheet10.xml"/><Relationship Id="rId19" Type="http://schemas.openxmlformats.org/officeDocument/2006/relationships/worksheet" Target="worksheets/sheet19.xml"/><Relationship Id="rId31" Type="http://schemas.openxmlformats.org/officeDocument/2006/relationships/customXml" Target="../customXml/item4.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 Id="rId22" Type="http://schemas.openxmlformats.org/officeDocument/2006/relationships/worksheet" Target="worksheets/sheet22.xml"/><Relationship Id="rId27" Type="http://schemas.openxmlformats.org/officeDocument/2006/relationships/sharedStrings" Target="sharedStrings.xml"/><Relationship Id="rId30" Type="http://schemas.openxmlformats.org/officeDocument/2006/relationships/customXml" Target="../customXml/item3.xml"/></Relationships>
</file>

<file path=xl/theme/theme1.xml><?xml version="1.0" encoding="utf-8"?>
<a:theme xmlns:a="http://schemas.openxmlformats.org/drawingml/2006/main" name="ProdCommTheme-new">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2EFE9E4-4DBC-4DA2-8EF8-A4567EC3611A}">
  <sheetPr>
    <tabColor theme="2"/>
  </sheetPr>
  <dimension ref="A1:D222"/>
  <sheetViews>
    <sheetView tabSelected="1" zoomScale="90" zoomScaleNormal="90" workbookViewId="0"/>
  </sheetViews>
  <sheetFormatPr defaultRowHeight="13.2" x14ac:dyDescent="0.25"/>
  <cols>
    <col min="1" max="1" width="17.33203125" customWidth="1"/>
    <col min="2" max="2" width="136.44140625" bestFit="1" customWidth="1"/>
    <col min="3" max="3" width="98.88671875" bestFit="1" customWidth="1"/>
  </cols>
  <sheetData>
    <row r="1" spans="1:4" x14ac:dyDescent="0.25">
      <c r="A1" s="18" t="s">
        <v>0</v>
      </c>
      <c r="B1" s="17"/>
      <c r="C1" s="17"/>
      <c r="D1" s="3"/>
    </row>
    <row r="2" spans="1:4" x14ac:dyDescent="0.25">
      <c r="A2" s="16" t="s">
        <v>1</v>
      </c>
      <c r="B2" s="16" t="s">
        <v>2</v>
      </c>
      <c r="C2" s="16" t="s">
        <v>3</v>
      </c>
    </row>
    <row r="3" spans="1:4" x14ac:dyDescent="0.25">
      <c r="A3" t="s">
        <v>4</v>
      </c>
      <c r="B3" t="s">
        <v>5</v>
      </c>
      <c r="C3" s="12" t="s">
        <v>6</v>
      </c>
    </row>
    <row r="4" spans="1:4" x14ac:dyDescent="0.25">
      <c r="A4" t="s">
        <v>7</v>
      </c>
      <c r="B4" t="s">
        <v>8</v>
      </c>
      <c r="C4" s="12" t="s">
        <v>9</v>
      </c>
    </row>
    <row r="6" spans="1:4" x14ac:dyDescent="0.25">
      <c r="A6" s="18" t="s">
        <v>10</v>
      </c>
      <c r="B6" s="19"/>
      <c r="C6" s="19"/>
    </row>
    <row r="7" spans="1:4" x14ac:dyDescent="0.25">
      <c r="A7" s="16" t="s">
        <v>1</v>
      </c>
      <c r="B7" s="16" t="s">
        <v>2</v>
      </c>
      <c r="C7" s="16" t="s">
        <v>3</v>
      </c>
    </row>
    <row r="8" spans="1:4" x14ac:dyDescent="0.25">
      <c r="A8" t="s">
        <v>11</v>
      </c>
      <c r="B8" t="s">
        <v>12</v>
      </c>
    </row>
    <row r="9" spans="1:4" x14ac:dyDescent="0.25">
      <c r="A9" t="s">
        <v>13</v>
      </c>
      <c r="B9" t="s">
        <v>14</v>
      </c>
    </row>
    <row r="11" spans="1:4" x14ac:dyDescent="0.25">
      <c r="A11" s="18" t="s">
        <v>15</v>
      </c>
      <c r="B11" s="19"/>
      <c r="C11" s="19"/>
    </row>
    <row r="12" spans="1:4" x14ac:dyDescent="0.25">
      <c r="A12" s="16" t="s">
        <v>1</v>
      </c>
      <c r="B12" s="16" t="s">
        <v>2</v>
      </c>
      <c r="C12" s="16" t="s">
        <v>3</v>
      </c>
    </row>
    <row r="13" spans="1:4" x14ac:dyDescent="0.25">
      <c r="A13" t="s">
        <v>16</v>
      </c>
      <c r="B13" s="7" t="s">
        <v>17</v>
      </c>
    </row>
    <row r="14" spans="1:4" x14ac:dyDescent="0.25">
      <c r="A14" t="s">
        <v>18</v>
      </c>
      <c r="B14" s="7" t="s">
        <v>19</v>
      </c>
    </row>
    <row r="15" spans="1:4" x14ac:dyDescent="0.25">
      <c r="A15" t="s">
        <v>20</v>
      </c>
      <c r="B15" s="7" t="s">
        <v>21</v>
      </c>
    </row>
    <row r="16" spans="1:4" x14ac:dyDescent="0.25">
      <c r="A16" t="s">
        <v>22</v>
      </c>
      <c r="B16" s="7" t="s">
        <v>23</v>
      </c>
    </row>
    <row r="17" spans="1:3" x14ac:dyDescent="0.25">
      <c r="A17" t="s">
        <v>24</v>
      </c>
      <c r="B17" s="7" t="s">
        <v>25</v>
      </c>
    </row>
    <row r="18" spans="1:3" x14ac:dyDescent="0.25">
      <c r="B18" s="7"/>
    </row>
    <row r="19" spans="1:3" x14ac:dyDescent="0.25">
      <c r="A19" s="18" t="s">
        <v>26</v>
      </c>
      <c r="B19" s="19"/>
      <c r="C19" s="19"/>
    </row>
    <row r="20" spans="1:3" x14ac:dyDescent="0.25">
      <c r="A20" s="16" t="s">
        <v>1</v>
      </c>
      <c r="B20" s="16" t="s">
        <v>2</v>
      </c>
      <c r="C20" s="16" t="s">
        <v>3</v>
      </c>
    </row>
    <row r="21" spans="1:3" x14ac:dyDescent="0.25">
      <c r="A21" t="s">
        <v>27</v>
      </c>
      <c r="B21" s="7" t="s">
        <v>28</v>
      </c>
    </row>
    <row r="22" spans="1:3" x14ac:dyDescent="0.25">
      <c r="A22" t="s">
        <v>29</v>
      </c>
      <c r="B22" s="7" t="s">
        <v>30</v>
      </c>
    </row>
    <row r="23" spans="1:3" x14ac:dyDescent="0.25">
      <c r="A23" t="s">
        <v>31</v>
      </c>
      <c r="B23" s="7" t="s">
        <v>32</v>
      </c>
    </row>
    <row r="24" spans="1:3" x14ac:dyDescent="0.25">
      <c r="A24" t="s">
        <v>33</v>
      </c>
      <c r="B24" s="7" t="s">
        <v>34</v>
      </c>
    </row>
    <row r="25" spans="1:3" x14ac:dyDescent="0.25">
      <c r="B25" s="7"/>
    </row>
    <row r="26" spans="1:3" x14ac:dyDescent="0.25">
      <c r="A26" s="18" t="s">
        <v>35</v>
      </c>
      <c r="B26" s="19"/>
      <c r="C26" s="19"/>
    </row>
    <row r="27" spans="1:3" x14ac:dyDescent="0.25">
      <c r="A27" s="16" t="s">
        <v>1</v>
      </c>
      <c r="B27" s="16" t="s">
        <v>2</v>
      </c>
      <c r="C27" s="16" t="s">
        <v>3</v>
      </c>
    </row>
    <row r="28" spans="1:3" x14ac:dyDescent="0.25">
      <c r="A28" t="s">
        <v>36</v>
      </c>
      <c r="B28" t="s">
        <v>37</v>
      </c>
    </row>
    <row r="29" spans="1:3" x14ac:dyDescent="0.25">
      <c r="A29" t="s">
        <v>38</v>
      </c>
      <c r="B29" t="s">
        <v>39</v>
      </c>
    </row>
    <row r="30" spans="1:3" x14ac:dyDescent="0.25">
      <c r="A30" t="s">
        <v>40</v>
      </c>
      <c r="B30" t="s">
        <v>41</v>
      </c>
      <c r="C30" s="12" t="s">
        <v>42</v>
      </c>
    </row>
    <row r="31" spans="1:3" x14ac:dyDescent="0.25">
      <c r="A31" t="s">
        <v>43</v>
      </c>
      <c r="B31" t="s">
        <v>44</v>
      </c>
    </row>
    <row r="33" spans="1:3" x14ac:dyDescent="0.25">
      <c r="A33" s="18" t="s">
        <v>45</v>
      </c>
      <c r="B33" s="19"/>
      <c r="C33" s="19"/>
    </row>
    <row r="34" spans="1:3" x14ac:dyDescent="0.25">
      <c r="A34" s="16" t="s">
        <v>1</v>
      </c>
      <c r="B34" s="16" t="s">
        <v>2</v>
      </c>
      <c r="C34" s="16" t="s">
        <v>3</v>
      </c>
    </row>
    <row r="35" spans="1:3" x14ac:dyDescent="0.25">
      <c r="A35" t="s">
        <v>46</v>
      </c>
      <c r="B35" t="s">
        <v>47</v>
      </c>
    </row>
    <row r="36" spans="1:3" x14ac:dyDescent="0.25">
      <c r="A36" t="s">
        <v>48</v>
      </c>
      <c r="B36" t="s">
        <v>49</v>
      </c>
    </row>
    <row r="37" spans="1:3" x14ac:dyDescent="0.25">
      <c r="A37" t="s">
        <v>50</v>
      </c>
      <c r="B37" t="s">
        <v>51</v>
      </c>
    </row>
    <row r="39" spans="1:3" x14ac:dyDescent="0.25">
      <c r="A39" s="18" t="s">
        <v>52</v>
      </c>
      <c r="B39" s="19"/>
      <c r="C39" s="19"/>
    </row>
    <row r="40" spans="1:3" x14ac:dyDescent="0.25">
      <c r="A40" s="16" t="s">
        <v>1</v>
      </c>
      <c r="B40" s="16" t="s">
        <v>2</v>
      </c>
      <c r="C40" s="16" t="s">
        <v>3</v>
      </c>
    </row>
    <row r="41" spans="1:3" x14ac:dyDescent="0.25">
      <c r="A41" t="s">
        <v>53</v>
      </c>
      <c r="B41" t="s">
        <v>54</v>
      </c>
    </row>
    <row r="42" spans="1:3" x14ac:dyDescent="0.25">
      <c r="A42" t="s">
        <v>55</v>
      </c>
      <c r="B42" t="s">
        <v>56</v>
      </c>
    </row>
    <row r="43" spans="1:3" x14ac:dyDescent="0.25">
      <c r="A43" t="s">
        <v>57</v>
      </c>
      <c r="B43" t="s">
        <v>58</v>
      </c>
    </row>
    <row r="66" spans="2:2" x14ac:dyDescent="0.25">
      <c r="B66" s="11"/>
    </row>
    <row r="67" spans="2:2" x14ac:dyDescent="0.25">
      <c r="B67" s="11"/>
    </row>
    <row r="68" spans="2:2" x14ac:dyDescent="0.25">
      <c r="B68" s="11"/>
    </row>
    <row r="69" spans="2:2" x14ac:dyDescent="0.25">
      <c r="B69" s="11"/>
    </row>
    <row r="70" spans="2:2" x14ac:dyDescent="0.25">
      <c r="B70" s="11"/>
    </row>
    <row r="79" spans="2:2" x14ac:dyDescent="0.25">
      <c r="B79" s="9"/>
    </row>
    <row r="80" spans="2:2" x14ac:dyDescent="0.25">
      <c r="B80" s="9"/>
    </row>
    <row r="124" spans="2:2" x14ac:dyDescent="0.25">
      <c r="B124" s="5"/>
    </row>
    <row r="125" spans="2:2" x14ac:dyDescent="0.25">
      <c r="B125" s="5"/>
    </row>
    <row r="126" spans="2:2" x14ac:dyDescent="0.25">
      <c r="B126" s="5"/>
    </row>
    <row r="127" spans="2:2" x14ac:dyDescent="0.25">
      <c r="B127" s="5"/>
    </row>
    <row r="128" spans="2:2" x14ac:dyDescent="0.25">
      <c r="B128" s="5"/>
    </row>
    <row r="129" spans="2:3" x14ac:dyDescent="0.25">
      <c r="B129" s="5"/>
    </row>
    <row r="130" spans="2:3" x14ac:dyDescent="0.25">
      <c r="B130" s="5"/>
    </row>
    <row r="131" spans="2:3" x14ac:dyDescent="0.25">
      <c r="B131" s="5"/>
    </row>
    <row r="132" spans="2:3" x14ac:dyDescent="0.25">
      <c r="B132" s="5"/>
    </row>
    <row r="141" spans="2:3" x14ac:dyDescent="0.25">
      <c r="C141" s="12"/>
    </row>
    <row r="143" spans="2:3" x14ac:dyDescent="0.25">
      <c r="B143" s="5"/>
    </row>
    <row r="144" spans="2:3" x14ac:dyDescent="0.25">
      <c r="B144" s="5"/>
    </row>
    <row r="145" spans="2:3" x14ac:dyDescent="0.25">
      <c r="B145" s="5"/>
    </row>
    <row r="146" spans="2:3" x14ac:dyDescent="0.25">
      <c r="B146" s="5"/>
    </row>
    <row r="147" spans="2:3" x14ac:dyDescent="0.25">
      <c r="B147" s="5"/>
    </row>
    <row r="148" spans="2:3" x14ac:dyDescent="0.25">
      <c r="B148" s="5"/>
    </row>
    <row r="149" spans="2:3" x14ac:dyDescent="0.25">
      <c r="B149" s="5"/>
    </row>
    <row r="150" spans="2:3" x14ac:dyDescent="0.25">
      <c r="C150" s="12"/>
    </row>
    <row r="151" spans="2:3" x14ac:dyDescent="0.25">
      <c r="B151" s="5"/>
    </row>
    <row r="152" spans="2:3" x14ac:dyDescent="0.25">
      <c r="B152" s="5"/>
    </row>
    <row r="153" spans="2:3" x14ac:dyDescent="0.25">
      <c r="B153" s="5"/>
    </row>
    <row r="154" spans="2:3" x14ac:dyDescent="0.25">
      <c r="B154" s="5"/>
    </row>
    <row r="155" spans="2:3" x14ac:dyDescent="0.25">
      <c r="B155" s="5"/>
    </row>
    <row r="156" spans="2:3" x14ac:dyDescent="0.25">
      <c r="B156" s="5"/>
    </row>
    <row r="157" spans="2:3" x14ac:dyDescent="0.25">
      <c r="B157" s="5"/>
    </row>
    <row r="158" spans="2:3" x14ac:dyDescent="0.25">
      <c r="B158" s="5"/>
    </row>
    <row r="159" spans="2:3" x14ac:dyDescent="0.25">
      <c r="B159" s="5"/>
    </row>
    <row r="162" spans="2:2" x14ac:dyDescent="0.25">
      <c r="B162" s="5"/>
    </row>
    <row r="163" spans="2:2" x14ac:dyDescent="0.25">
      <c r="B163" s="5"/>
    </row>
    <row r="164" spans="2:2" x14ac:dyDescent="0.25">
      <c r="B164" s="5"/>
    </row>
    <row r="165" spans="2:2" x14ac:dyDescent="0.25">
      <c r="B165" s="5"/>
    </row>
    <row r="166" spans="2:2" x14ac:dyDescent="0.25">
      <c r="B166" s="5"/>
    </row>
    <row r="167" spans="2:2" x14ac:dyDescent="0.25">
      <c r="B167" s="5"/>
    </row>
    <row r="168" spans="2:2" x14ac:dyDescent="0.25">
      <c r="B168" s="10"/>
    </row>
    <row r="169" spans="2:2" x14ac:dyDescent="0.25">
      <c r="B169" s="5"/>
    </row>
    <row r="170" spans="2:2" x14ac:dyDescent="0.25">
      <c r="B170" s="5"/>
    </row>
    <row r="171" spans="2:2" x14ac:dyDescent="0.25">
      <c r="B171" s="5"/>
    </row>
    <row r="172" spans="2:2" x14ac:dyDescent="0.25">
      <c r="B172" s="5"/>
    </row>
    <row r="173" spans="2:2" x14ac:dyDescent="0.25">
      <c r="B173" s="5"/>
    </row>
    <row r="174" spans="2:2" x14ac:dyDescent="0.25">
      <c r="B174" s="5"/>
    </row>
    <row r="175" spans="2:2" x14ac:dyDescent="0.25">
      <c r="B175" s="5"/>
    </row>
    <row r="176" spans="2:2" x14ac:dyDescent="0.25">
      <c r="B176" s="5"/>
    </row>
    <row r="177" spans="2:3" x14ac:dyDescent="0.25">
      <c r="C177" s="12"/>
    </row>
    <row r="178" spans="2:3" x14ac:dyDescent="0.25">
      <c r="B178" s="10"/>
    </row>
    <row r="179" spans="2:3" x14ac:dyDescent="0.25">
      <c r="B179" s="10"/>
    </row>
    <row r="180" spans="2:3" x14ac:dyDescent="0.25">
      <c r="B180" s="10"/>
    </row>
    <row r="181" spans="2:3" x14ac:dyDescent="0.25">
      <c r="B181" s="10"/>
    </row>
    <row r="182" spans="2:3" x14ac:dyDescent="0.25">
      <c r="B182" s="10"/>
    </row>
    <row r="184" spans="2:3" x14ac:dyDescent="0.25">
      <c r="B184" s="10"/>
    </row>
    <row r="185" spans="2:3" x14ac:dyDescent="0.25">
      <c r="B185" s="10"/>
    </row>
    <row r="186" spans="2:3" x14ac:dyDescent="0.25">
      <c r="B186" s="10"/>
    </row>
    <row r="187" spans="2:3" x14ac:dyDescent="0.25">
      <c r="B187" s="10"/>
    </row>
    <row r="188" spans="2:3" x14ac:dyDescent="0.25">
      <c r="B188" s="10"/>
    </row>
    <row r="189" spans="2:3" x14ac:dyDescent="0.25">
      <c r="B189" s="10"/>
    </row>
    <row r="192" spans="2:3" x14ac:dyDescent="0.25">
      <c r="B192" s="10"/>
    </row>
    <row r="193" spans="2:2" x14ac:dyDescent="0.25">
      <c r="B193" s="10"/>
    </row>
    <row r="194" spans="2:2" x14ac:dyDescent="0.25">
      <c r="B194" s="10"/>
    </row>
    <row r="195" spans="2:2" x14ac:dyDescent="0.25">
      <c r="B195" s="10"/>
    </row>
    <row r="196" spans="2:2" x14ac:dyDescent="0.25">
      <c r="B196" s="10"/>
    </row>
    <row r="197" spans="2:2" x14ac:dyDescent="0.25">
      <c r="B197" s="10"/>
    </row>
    <row r="198" spans="2:2" x14ac:dyDescent="0.25">
      <c r="B198" s="10"/>
    </row>
    <row r="199" spans="2:2" x14ac:dyDescent="0.25">
      <c r="B199" s="10"/>
    </row>
    <row r="200" spans="2:2" x14ac:dyDescent="0.25">
      <c r="B200" s="10"/>
    </row>
    <row r="201" spans="2:2" x14ac:dyDescent="0.25">
      <c r="B201" s="10"/>
    </row>
    <row r="202" spans="2:2" x14ac:dyDescent="0.25">
      <c r="B202" s="10"/>
    </row>
    <row r="203" spans="2:2" x14ac:dyDescent="0.25">
      <c r="B203" s="10"/>
    </row>
    <row r="204" spans="2:2" x14ac:dyDescent="0.25">
      <c r="B204" s="10"/>
    </row>
    <row r="205" spans="2:2" x14ac:dyDescent="0.25">
      <c r="B205" s="10"/>
    </row>
    <row r="206" spans="2:2" x14ac:dyDescent="0.25">
      <c r="B206" s="10"/>
    </row>
    <row r="207" spans="2:2" x14ac:dyDescent="0.25">
      <c r="B207" s="10"/>
    </row>
    <row r="208" spans="2:2" x14ac:dyDescent="0.25">
      <c r="B208" s="10"/>
    </row>
    <row r="209" spans="2:2" x14ac:dyDescent="0.25">
      <c r="B209" s="10"/>
    </row>
    <row r="210" spans="2:2" x14ac:dyDescent="0.25">
      <c r="B210" s="10"/>
    </row>
    <row r="211" spans="2:2" x14ac:dyDescent="0.25">
      <c r="B211" s="10"/>
    </row>
    <row r="212" spans="2:2" x14ac:dyDescent="0.25">
      <c r="B212" s="10"/>
    </row>
    <row r="213" spans="2:2" x14ac:dyDescent="0.25">
      <c r="B213" s="10"/>
    </row>
    <row r="214" spans="2:2" x14ac:dyDescent="0.25">
      <c r="B214" s="10"/>
    </row>
    <row r="216" spans="2:2" x14ac:dyDescent="0.25">
      <c r="B216" s="10"/>
    </row>
    <row r="217" spans="2:2" x14ac:dyDescent="0.25">
      <c r="B217" s="10"/>
    </row>
    <row r="218" spans="2:2" x14ac:dyDescent="0.25">
      <c r="B218" s="10"/>
    </row>
    <row r="219" spans="2:2" x14ac:dyDescent="0.25">
      <c r="B219" s="10"/>
    </row>
    <row r="220" spans="2:2" x14ac:dyDescent="0.25">
      <c r="B220" s="10"/>
    </row>
    <row r="221" spans="2:2" x14ac:dyDescent="0.25">
      <c r="B221" s="10"/>
    </row>
    <row r="222" spans="2:2" ht="12.75" customHeight="1" x14ac:dyDescent="0.25">
      <c r="B222" s="10"/>
    </row>
  </sheetData>
  <phoneticPr fontId="9" type="noConversion"/>
  <pageMargins left="0.7" right="0.7" top="0.75" bottom="0.75" header="0.3" footer="0.3"/>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DBAB699-BC7E-43AB-88FC-27F01066BA86}">
  <dimension ref="A1:G48"/>
  <sheetViews>
    <sheetView workbookViewId="0">
      <selection activeCell="I44" sqref="I44"/>
    </sheetView>
  </sheetViews>
  <sheetFormatPr defaultColWidth="8.6640625" defaultRowHeight="13.2" x14ac:dyDescent="0.25"/>
  <cols>
    <col min="1" max="1" width="16.6640625" style="5" customWidth="1"/>
    <col min="2" max="2" width="8.44140625" style="5" customWidth="1"/>
    <col min="3" max="3" width="11.6640625" style="5" bestFit="1" customWidth="1"/>
    <col min="4" max="4" width="6.6640625" style="5" bestFit="1" customWidth="1"/>
    <col min="5" max="5" width="13.88671875" style="5" bestFit="1" customWidth="1"/>
    <col min="6" max="6" width="7.44140625" style="5" bestFit="1" customWidth="1"/>
    <col min="7" max="7" width="8" style="5" bestFit="1" customWidth="1"/>
    <col min="8" max="16384" width="8.6640625" style="5"/>
  </cols>
  <sheetData>
    <row r="1" spans="1:7" s="39" customFormat="1" x14ac:dyDescent="0.25">
      <c r="A1" s="37" t="s">
        <v>24</v>
      </c>
      <c r="B1" s="37"/>
      <c r="C1" s="37"/>
    </row>
    <row r="2" spans="1:7" x14ac:dyDescent="0.25">
      <c r="A2" s="35" t="s">
        <v>2</v>
      </c>
      <c r="B2" s="5" t="s">
        <v>25</v>
      </c>
    </row>
    <row r="3" spans="1:7" x14ac:dyDescent="0.25">
      <c r="A3" s="35" t="s">
        <v>102</v>
      </c>
      <c r="B3" s="5" t="s">
        <v>141</v>
      </c>
    </row>
    <row r="4" spans="1:7" x14ac:dyDescent="0.25">
      <c r="A4" s="35" t="s">
        <v>103</v>
      </c>
      <c r="B4" s="40" t="s">
        <v>142</v>
      </c>
    </row>
    <row r="5" spans="1:7" x14ac:dyDescent="0.25">
      <c r="A5" s="35" t="s">
        <v>3</v>
      </c>
      <c r="B5" s="5" t="s">
        <v>143</v>
      </c>
    </row>
    <row r="7" spans="1:7" s="42" customFormat="1" x14ac:dyDescent="0.25">
      <c r="A7" s="41" t="s">
        <v>59</v>
      </c>
    </row>
    <row r="8" spans="1:7" x14ac:dyDescent="0.25">
      <c r="A8" s="34"/>
    </row>
    <row r="9" spans="1:7" x14ac:dyDescent="0.25">
      <c r="A9" s="34" t="s">
        <v>144</v>
      </c>
      <c r="B9" s="43"/>
      <c r="C9" s="44"/>
      <c r="D9" s="45"/>
      <c r="E9" s="34"/>
      <c r="F9" s="34"/>
      <c r="G9" s="34"/>
    </row>
    <row r="10" spans="1:7" x14ac:dyDescent="0.25">
      <c r="B10" s="40" t="s">
        <v>145</v>
      </c>
      <c r="C10" s="46" t="s">
        <v>100</v>
      </c>
      <c r="D10" s="40" t="s">
        <v>96</v>
      </c>
      <c r="E10" s="40" t="s">
        <v>99</v>
      </c>
      <c r="F10" s="40" t="s">
        <v>98</v>
      </c>
      <c r="G10" s="40" t="s">
        <v>95</v>
      </c>
    </row>
    <row r="11" spans="1:7" x14ac:dyDescent="0.25">
      <c r="A11" s="5">
        <v>1970</v>
      </c>
      <c r="B11" s="51">
        <v>1.4597160257416707E-2</v>
      </c>
      <c r="C11" s="51">
        <v>-6.0362617670986426E-2</v>
      </c>
      <c r="D11" s="51">
        <v>-1.3453920521584964E-2</v>
      </c>
      <c r="E11" s="51">
        <v>-4.9736619164534989E-3</v>
      </c>
      <c r="F11" s="51">
        <v>4.3342778121806848E-2</v>
      </c>
      <c r="G11" s="51">
        <v>3.06800648724852E-3</v>
      </c>
    </row>
    <row r="12" spans="1:7" x14ac:dyDescent="0.25">
      <c r="A12" s="5">
        <v>1971</v>
      </c>
      <c r="B12" s="51">
        <v>-6.7051046912568277E-3</v>
      </c>
      <c r="C12" s="51">
        <v>-6.1641452946386566E-2</v>
      </c>
      <c r="D12" s="51">
        <v>-5.6703808570664387E-3</v>
      </c>
      <c r="E12" s="51">
        <v>-1.7789090419495612E-2</v>
      </c>
      <c r="F12" s="51">
        <v>4.1070154340690744E-2</v>
      </c>
      <c r="G12" s="51">
        <v>-1.9860893084357501E-2</v>
      </c>
    </row>
    <row r="13" spans="1:7" x14ac:dyDescent="0.25">
      <c r="A13" s="5">
        <v>1972</v>
      </c>
      <c r="B13" s="51">
        <v>-2.5407243668759728E-2</v>
      </c>
      <c r="C13" s="51">
        <v>-5.2759650950222947E-2</v>
      </c>
      <c r="D13" s="51">
        <v>2.8835069611832672E-3</v>
      </c>
      <c r="E13" s="51">
        <v>-2.8842793781871712E-2</v>
      </c>
      <c r="F13" s="51">
        <v>3.3286922993381471E-2</v>
      </c>
      <c r="G13" s="51">
        <v>-1.7023024630726868E-2</v>
      </c>
    </row>
    <row r="14" spans="1:7" x14ac:dyDescent="0.25">
      <c r="A14" s="5">
        <v>1973</v>
      </c>
      <c r="B14" s="51">
        <v>-3.2997617576915036E-2</v>
      </c>
      <c r="C14" s="51">
        <v>-3.6145035233515775E-2</v>
      </c>
      <c r="D14" s="51">
        <v>-5.2055781870239638E-3</v>
      </c>
      <c r="E14" s="51">
        <v>-3.5369467732997983E-2</v>
      </c>
      <c r="F14" s="51">
        <v>2.6796709853127699E-2</v>
      </c>
      <c r="G14" s="51">
        <v>-2.2758853391180021E-2</v>
      </c>
    </row>
    <row r="15" spans="1:7" x14ac:dyDescent="0.25">
      <c r="A15" s="5">
        <v>1974</v>
      </c>
      <c r="B15" s="51">
        <v>-4.0487433656459279E-2</v>
      </c>
      <c r="C15" s="51">
        <v>-1.8058817407006746E-2</v>
      </c>
      <c r="D15" s="51">
        <v>-1.2642355096923307E-2</v>
      </c>
      <c r="E15" s="51">
        <v>-4.4522572996823051E-2</v>
      </c>
      <c r="F15" s="51">
        <v>1.1425179592821454E-2</v>
      </c>
      <c r="G15" s="51">
        <v>-7.2182484888869466E-3</v>
      </c>
    </row>
    <row r="16" spans="1:7" x14ac:dyDescent="0.25">
      <c r="A16" s="5">
        <v>1975</v>
      </c>
      <c r="B16" s="51">
        <v>-4.0400897409178335E-2</v>
      </c>
      <c r="C16" s="51">
        <v>-1.6405463741155878E-2</v>
      </c>
      <c r="D16" s="51">
        <v>-1.1261289907343852E-2</v>
      </c>
      <c r="E16" s="51">
        <v>-3.5717262842489883E-2</v>
      </c>
      <c r="F16" s="51">
        <v>-5.2816880485171617E-4</v>
      </c>
      <c r="G16" s="51">
        <v>2.1895116316426045E-4</v>
      </c>
    </row>
    <row r="17" spans="1:7" x14ac:dyDescent="0.25">
      <c r="A17" s="5">
        <v>1976</v>
      </c>
      <c r="B17" s="51">
        <v>-3.2041381607703978E-2</v>
      </c>
      <c r="C17" s="51">
        <v>-1.5354305090268694E-2</v>
      </c>
      <c r="D17" s="51">
        <v>-1.2918806167629771E-2</v>
      </c>
      <c r="E17" s="51">
        <v>-1.7261969427609623E-2</v>
      </c>
      <c r="F17" s="51">
        <v>1.3385439643018438E-2</v>
      </c>
      <c r="G17" s="51">
        <v>5.2156169735275478E-3</v>
      </c>
    </row>
    <row r="18" spans="1:7" x14ac:dyDescent="0.25">
      <c r="A18" s="5">
        <v>1977</v>
      </c>
      <c r="B18" s="51">
        <v>-3.0933522188252006E-2</v>
      </c>
      <c r="C18" s="51">
        <v>-1.1489865355710329E-2</v>
      </c>
      <c r="D18" s="51">
        <v>-2.4741447796353365E-2</v>
      </c>
      <c r="E18" s="51">
        <v>-1.1933624826514125E-2</v>
      </c>
      <c r="F18" s="51">
        <v>1.2428484349070224E-2</v>
      </c>
      <c r="G18" s="51">
        <v>1.0021296862703744E-2</v>
      </c>
    </row>
    <row r="19" spans="1:7" x14ac:dyDescent="0.25">
      <c r="A19" s="5">
        <v>1978</v>
      </c>
      <c r="B19" s="51">
        <v>-4.3523673304027288E-2</v>
      </c>
      <c r="C19" s="51">
        <v>-2.6300739331708223E-2</v>
      </c>
      <c r="D19" s="51">
        <v>-2.1230668863982061E-2</v>
      </c>
      <c r="E19" s="51">
        <v>-1.2683854106721262E-2</v>
      </c>
      <c r="F19" s="51">
        <v>5.8242205657678984E-3</v>
      </c>
      <c r="G19" s="51">
        <v>2.1604169601995692E-2</v>
      </c>
    </row>
    <row r="20" spans="1:7" x14ac:dyDescent="0.25">
      <c r="A20" s="5">
        <v>1979</v>
      </c>
      <c r="B20" s="51">
        <v>-2.4141826607790028E-2</v>
      </c>
      <c r="C20" s="51">
        <v>-4.403180916880152E-2</v>
      </c>
      <c r="D20" s="51">
        <v>-1.6312219267719776E-2</v>
      </c>
      <c r="E20" s="51">
        <v>-1.6420988310547169E-2</v>
      </c>
      <c r="F20" s="51">
        <v>8.8090170232784978E-3</v>
      </c>
      <c r="G20" s="51">
        <v>2.2135269517699018E-2</v>
      </c>
    </row>
    <row r="21" spans="1:7" x14ac:dyDescent="0.25">
      <c r="A21" s="5">
        <v>1980</v>
      </c>
      <c r="B21" s="51">
        <v>-2.1246371806201834E-2</v>
      </c>
      <c r="C21" s="51">
        <v>-5.0168264322142678E-2</v>
      </c>
      <c r="D21" s="51">
        <v>-1.784749459956703E-2</v>
      </c>
      <c r="E21" s="51">
        <v>-3.1945811111865783E-3</v>
      </c>
      <c r="F21" s="51">
        <v>1.4174481546932415E-2</v>
      </c>
      <c r="G21" s="51">
        <v>1.5225368119030903E-2</v>
      </c>
    </row>
    <row r="22" spans="1:7" x14ac:dyDescent="0.25">
      <c r="A22" s="5">
        <v>1981</v>
      </c>
      <c r="B22" s="51">
        <v>-3.4410915706923652E-2</v>
      </c>
      <c r="C22" s="51">
        <v>-3.9718365906564301E-2</v>
      </c>
      <c r="D22" s="51">
        <v>-1.6362076171098243E-2</v>
      </c>
      <c r="E22" s="51">
        <v>-3.131062579791277E-3</v>
      </c>
      <c r="F22" s="51">
        <v>4.2711514142437668E-3</v>
      </c>
      <c r="G22" s="51">
        <v>4.1138336726925219E-2</v>
      </c>
    </row>
    <row r="23" spans="1:7" x14ac:dyDescent="0.25">
      <c r="A23" s="5">
        <v>1982</v>
      </c>
      <c r="B23" s="51">
        <v>-2.9602162029722677E-2</v>
      </c>
      <c r="C23" s="51">
        <v>-2.9983040863499323E-2</v>
      </c>
      <c r="D23" s="51">
        <v>-3.6738894628634438E-3</v>
      </c>
      <c r="E23" s="51">
        <v>2.9756108179992634E-3</v>
      </c>
      <c r="F23" s="51">
        <v>1.2274181416957262E-2</v>
      </c>
      <c r="G23" s="51">
        <v>1.6592726192409722E-2</v>
      </c>
    </row>
    <row r="24" spans="1:7" x14ac:dyDescent="0.25">
      <c r="A24" s="5">
        <v>1983</v>
      </c>
      <c r="B24" s="51">
        <v>-1.8480535425544974E-2</v>
      </c>
      <c r="C24" s="51">
        <v>-1.3835542019769198E-2</v>
      </c>
      <c r="D24" s="51">
        <v>-9.071347397252127E-4</v>
      </c>
      <c r="E24" s="51">
        <v>6.7612734874616717E-3</v>
      </c>
      <c r="F24" s="51">
        <v>1.6666957579288776E-2</v>
      </c>
      <c r="G24" s="51">
        <v>6.4279129935576277E-3</v>
      </c>
    </row>
    <row r="25" spans="1:7" x14ac:dyDescent="0.25">
      <c r="A25" s="5">
        <v>1984</v>
      </c>
      <c r="B25" s="51">
        <v>-2.043795730411526E-2</v>
      </c>
      <c r="C25" s="51">
        <v>-2.2304203377430339E-3</v>
      </c>
      <c r="D25" s="51">
        <v>5.283453824242979E-3</v>
      </c>
      <c r="E25" s="51">
        <v>2.1597043776358495E-2</v>
      </c>
      <c r="F25" s="51">
        <v>2.5788628662150526E-2</v>
      </c>
      <c r="G25" s="51">
        <v>-9.3763491549771812E-3</v>
      </c>
    </row>
    <row r="26" spans="1:7" x14ac:dyDescent="0.25">
      <c r="A26" s="5">
        <v>1985</v>
      </c>
      <c r="B26" s="51">
        <v>-3.5894033358886855E-3</v>
      </c>
      <c r="C26" s="51">
        <v>6.6452054552609942E-3</v>
      </c>
      <c r="D26" s="51">
        <v>8.1188816587183469E-3</v>
      </c>
      <c r="E26" s="51">
        <v>1.1360169405171216E-2</v>
      </c>
      <c r="F26" s="51">
        <v>9.9067440467524893E-3</v>
      </c>
      <c r="G26" s="51">
        <v>-1.5833655257939273E-2</v>
      </c>
    </row>
    <row r="27" spans="1:7" x14ac:dyDescent="0.25">
      <c r="A27" s="5">
        <v>1986</v>
      </c>
      <c r="B27" s="51">
        <v>9.2655387369704467E-3</v>
      </c>
      <c r="C27" s="51">
        <v>4.1711133231336472E-3</v>
      </c>
      <c r="D27" s="51">
        <v>1.1812848954452249E-2</v>
      </c>
      <c r="E27" s="51">
        <v>8.4285275122331516E-3</v>
      </c>
      <c r="F27" s="51">
        <v>9.7916192308689504E-3</v>
      </c>
      <c r="G27" s="51">
        <v>-3.8048363319947501E-2</v>
      </c>
    </row>
    <row r="28" spans="1:7" x14ac:dyDescent="0.25">
      <c r="A28" s="5">
        <v>1987</v>
      </c>
      <c r="B28" s="51">
        <v>6.8786578932307661E-3</v>
      </c>
      <c r="C28" s="51">
        <v>-2.4790087820909081E-3</v>
      </c>
      <c r="D28" s="51">
        <v>5.4889889698578999E-3</v>
      </c>
      <c r="E28" s="51">
        <v>-1.9363031483044107E-4</v>
      </c>
      <c r="F28" s="51">
        <v>-5.5273876851949012E-4</v>
      </c>
      <c r="G28" s="51">
        <v>-2.5416158480052277E-2</v>
      </c>
    </row>
    <row r="29" spans="1:7" x14ac:dyDescent="0.25">
      <c r="A29" s="5">
        <v>1988</v>
      </c>
      <c r="B29" s="51">
        <v>1.0782477853466754E-2</v>
      </c>
      <c r="C29" s="51">
        <v>-1.0752011825880859E-2</v>
      </c>
      <c r="D29" s="51">
        <v>9.0109966820522743E-3</v>
      </c>
      <c r="E29" s="51">
        <v>9.5036966927763977E-3</v>
      </c>
      <c r="F29" s="51">
        <v>-5.9534041856096568E-3</v>
      </c>
      <c r="G29" s="51">
        <v>-9.895346498987068E-3</v>
      </c>
    </row>
    <row r="30" spans="1:7" x14ac:dyDescent="0.25">
      <c r="A30" s="5">
        <v>1989</v>
      </c>
      <c r="B30" s="51">
        <v>6.0706635782501453E-3</v>
      </c>
      <c r="C30" s="51">
        <v>-1.2984084387244632E-2</v>
      </c>
      <c r="D30" s="51">
        <v>5.5312686679173332E-3</v>
      </c>
      <c r="E30" s="51">
        <v>8.0542229457112311E-4</v>
      </c>
      <c r="F30" s="51">
        <v>-9.0466030743243438E-3</v>
      </c>
      <c r="G30" s="51">
        <v>-3.1259985155889235E-4</v>
      </c>
    </row>
    <row r="31" spans="1:7" x14ac:dyDescent="0.25">
      <c r="A31" s="5">
        <v>1990</v>
      </c>
      <c r="B31" s="51">
        <v>-1.3622417924934549E-2</v>
      </c>
      <c r="C31" s="51">
        <v>-6.2897760287382145E-3</v>
      </c>
      <c r="D31" s="51">
        <v>1.3265544418341624E-2</v>
      </c>
      <c r="E31" s="51">
        <v>-4.1618360713701483E-5</v>
      </c>
      <c r="F31" s="51">
        <v>1.248567489515521E-4</v>
      </c>
      <c r="G31" s="51">
        <v>-1.9288810129108679E-2</v>
      </c>
    </row>
    <row r="32" spans="1:7" x14ac:dyDescent="0.25">
      <c r="A32" s="5">
        <v>1991</v>
      </c>
      <c r="B32" s="51">
        <v>-1.8541634657952576E-2</v>
      </c>
      <c r="C32" s="51">
        <v>-9.3480634258576098E-3</v>
      </c>
      <c r="D32" s="51">
        <v>7.2289156745820151E-3</v>
      </c>
      <c r="E32" s="51">
        <v>-2.1910423732251598E-3</v>
      </c>
      <c r="F32" s="51">
        <v>3.6246208713446985E-3</v>
      </c>
      <c r="G32" s="51">
        <v>-2.0666417156245641E-2</v>
      </c>
    </row>
    <row r="33" spans="1:7" x14ac:dyDescent="0.25">
      <c r="A33" s="5">
        <v>1992</v>
      </c>
      <c r="B33" s="51">
        <v>-3.2292297502101899E-2</v>
      </c>
      <c r="C33" s="51">
        <v>-7.689029622917086E-3</v>
      </c>
      <c r="D33" s="51">
        <v>6.3467462546457302E-3</v>
      </c>
      <c r="E33" s="51">
        <v>6.6481864436694236E-3</v>
      </c>
      <c r="F33" s="51">
        <v>7.0151707962805591E-3</v>
      </c>
      <c r="G33" s="51">
        <v>-8.1532972517541109E-3</v>
      </c>
    </row>
    <row r="34" spans="1:7" x14ac:dyDescent="0.25">
      <c r="A34" s="5">
        <v>1993</v>
      </c>
      <c r="B34" s="51">
        <v>-5.5318702660300645E-2</v>
      </c>
      <c r="C34" s="51">
        <v>-8.0830304301965777E-3</v>
      </c>
      <c r="D34" s="51">
        <v>2.2667268364980008E-3</v>
      </c>
      <c r="E34" s="51">
        <v>1.9923195481308395E-3</v>
      </c>
      <c r="F34" s="51">
        <v>5.076967665898228E-3</v>
      </c>
      <c r="G34" s="51">
        <v>-9.6732582610773894E-3</v>
      </c>
    </row>
    <row r="35" spans="1:7" x14ac:dyDescent="0.25">
      <c r="A35" s="5">
        <v>1994</v>
      </c>
      <c r="B35" s="51">
        <v>-5.926180003760758E-2</v>
      </c>
      <c r="C35" s="51">
        <v>-6.2910098219939523E-3</v>
      </c>
      <c r="D35" s="51">
        <v>-3.4476088469787892E-3</v>
      </c>
      <c r="E35" s="51">
        <v>1.1791970837515552E-2</v>
      </c>
      <c r="F35" s="51">
        <v>9.5328450939123708E-3</v>
      </c>
      <c r="G35" s="51">
        <v>-1.9639175082650274E-2</v>
      </c>
    </row>
    <row r="36" spans="1:7" x14ac:dyDescent="0.25">
      <c r="A36" s="5">
        <v>1995</v>
      </c>
      <c r="B36" s="51">
        <v>-5.5883105591528349E-2</v>
      </c>
      <c r="C36" s="51">
        <v>-1.5070434385555021E-2</v>
      </c>
      <c r="D36" s="51">
        <v>-1.6293802476434461E-2</v>
      </c>
      <c r="E36" s="51">
        <v>8.9941743764280439E-3</v>
      </c>
      <c r="F36" s="51">
        <v>-2.8631327165792265E-3</v>
      </c>
      <c r="G36" s="51">
        <v>-4.6732524809699472E-3</v>
      </c>
    </row>
    <row r="37" spans="1:7" x14ac:dyDescent="0.25">
      <c r="A37" s="5">
        <v>1996</v>
      </c>
      <c r="B37" s="51">
        <v>-4.69395744497915E-2</v>
      </c>
      <c r="C37" s="51">
        <v>-1.4099219340923775E-2</v>
      </c>
      <c r="D37" s="51">
        <v>-1.6034378432990402E-2</v>
      </c>
      <c r="E37" s="51">
        <v>3.2199125708283206E-4</v>
      </c>
      <c r="F37" s="51">
        <v>-1.2327055189092247E-2</v>
      </c>
      <c r="G37" s="51">
        <v>1.4898343113051493E-2</v>
      </c>
    </row>
    <row r="38" spans="1:7" x14ac:dyDescent="0.25">
      <c r="A38" s="5">
        <v>1997</v>
      </c>
      <c r="B38" s="51">
        <v>-3.2754154497045537E-2</v>
      </c>
      <c r="C38" s="51">
        <v>-1.7896786965855126E-2</v>
      </c>
      <c r="D38" s="51">
        <v>-1.326954501720572E-2</v>
      </c>
      <c r="E38" s="51">
        <v>-5.2045454786220349E-3</v>
      </c>
      <c r="F38" s="51">
        <v>-2.5115814701768553E-2</v>
      </c>
      <c r="G38" s="51">
        <v>6.3641591552075823E-3</v>
      </c>
    </row>
    <row r="39" spans="1:7" x14ac:dyDescent="0.25">
      <c r="A39" s="5">
        <v>1998</v>
      </c>
      <c r="B39" s="51">
        <v>-2.1299137582842364E-2</v>
      </c>
      <c r="C39" s="51">
        <v>-1.7339051955127194E-2</v>
      </c>
      <c r="D39" s="51">
        <v>-1.125789807897366E-2</v>
      </c>
      <c r="E39" s="51">
        <v>-1.1362591476274941E-2</v>
      </c>
      <c r="F39" s="51">
        <v>-2.8873243963667743E-2</v>
      </c>
      <c r="G39" s="51">
        <v>2.3127408823345073E-3</v>
      </c>
    </row>
    <row r="40" spans="1:7" x14ac:dyDescent="0.25">
      <c r="A40" s="5">
        <v>1999</v>
      </c>
      <c r="B40" s="51">
        <v>-1.3796993701279269E-2</v>
      </c>
      <c r="C40" s="51">
        <v>-2.5552288849620554E-2</v>
      </c>
      <c r="D40" s="51">
        <v>-3.8643139884608326E-3</v>
      </c>
      <c r="E40" s="51">
        <v>-2.1128049579942854E-2</v>
      </c>
      <c r="F40" s="51">
        <v>-3.3754856802143844E-2</v>
      </c>
      <c r="G40" s="51">
        <v>-3.1117380688380037E-2</v>
      </c>
    </row>
    <row r="41" spans="1:7" x14ac:dyDescent="0.25">
      <c r="A41" s="5">
        <v>2000</v>
      </c>
      <c r="B41" s="51">
        <v>-1.354917720707376E-2</v>
      </c>
      <c r="C41" s="51">
        <v>-2.8550401667945535E-2</v>
      </c>
      <c r="D41" s="51">
        <v>-7.0388183833029142E-3</v>
      </c>
      <c r="E41" s="51">
        <v>-2.2142299846517187E-2</v>
      </c>
      <c r="F41" s="51">
        <v>-3.3015085194519248E-2</v>
      </c>
      <c r="G41" s="51">
        <v>1.6449015254915932E-3</v>
      </c>
    </row>
    <row r="42" spans="1:7" x14ac:dyDescent="0.25">
      <c r="A42" s="5">
        <v>2001</v>
      </c>
      <c r="B42" s="51">
        <v>-2.5846020740254438E-2</v>
      </c>
      <c r="C42" s="51">
        <v>-3.273254260931837E-2</v>
      </c>
      <c r="D42" s="51">
        <v>-8.3416107501987254E-3</v>
      </c>
      <c r="E42" s="51">
        <v>-1.6061708867975599E-2</v>
      </c>
      <c r="F42" s="51">
        <v>-3.6410614441923263E-2</v>
      </c>
      <c r="G42" s="51">
        <v>-8.6547843114288311E-3</v>
      </c>
    </row>
    <row r="43" spans="1:7" x14ac:dyDescent="0.25">
      <c r="A43" s="5">
        <v>2002</v>
      </c>
      <c r="B43" s="51">
        <v>-1.5434006634998675E-2</v>
      </c>
      <c r="C43" s="51">
        <v>-4.3937103671734624E-2</v>
      </c>
      <c r="D43" s="51">
        <v>-1.331073151767519E-2</v>
      </c>
      <c r="E43" s="51">
        <v>-2.1416420990012952E-2</v>
      </c>
      <c r="F43" s="51">
        <v>-3.8868554165028102E-2</v>
      </c>
      <c r="G43" s="51">
        <v>-1.0562167437739634E-2</v>
      </c>
    </row>
    <row r="44" spans="1:7" x14ac:dyDescent="0.25">
      <c r="A44" s="5">
        <v>2003</v>
      </c>
      <c r="B44" s="51">
        <v>-1.1903027448995051E-2</v>
      </c>
      <c r="C44" s="51">
        <v>-4.911816973229053E-2</v>
      </c>
      <c r="D44" s="51">
        <v>-1.7815802160659699E-2</v>
      </c>
      <c r="E44" s="51">
        <v>-2.9926107986874249E-2</v>
      </c>
      <c r="F44" s="51">
        <v>-4.0440569538009785E-2</v>
      </c>
      <c r="G44" s="51">
        <v>-8.823408354873186E-3</v>
      </c>
    </row>
    <row r="45" spans="1:7" x14ac:dyDescent="0.25">
      <c r="A45" s="5">
        <v>2004</v>
      </c>
      <c r="B45" s="51">
        <v>-1.3023747945680309E-2</v>
      </c>
      <c r="C45" s="51">
        <v>-5.5303180239406016E-2</v>
      </c>
      <c r="D45" s="51">
        <v>-2.6611781283815295E-2</v>
      </c>
      <c r="E45" s="51">
        <v>-3.0044309620859445E-2</v>
      </c>
      <c r="F45" s="51">
        <v>-4.771542640900308E-2</v>
      </c>
      <c r="G45" s="51">
        <v>2.682036557936409E-2</v>
      </c>
    </row>
    <row r="46" spans="1:7" x14ac:dyDescent="0.25">
      <c r="A46" s="5">
        <v>2005</v>
      </c>
      <c r="B46" s="51">
        <v>-1.1489953045971247E-2</v>
      </c>
      <c r="C46" s="51">
        <v>-5.7354002885199498E-2</v>
      </c>
      <c r="D46" s="51">
        <v>-2.1107302028524445E-2</v>
      </c>
      <c r="E46" s="51">
        <v>-3.5008831881024258E-2</v>
      </c>
      <c r="F46" s="51">
        <v>-4.6361657915615063E-2</v>
      </c>
      <c r="G46" s="51">
        <v>-1.0730567649967094E-2</v>
      </c>
    </row>
    <row r="47" spans="1:7" x14ac:dyDescent="0.25">
      <c r="A47" s="5">
        <v>2006</v>
      </c>
      <c r="B47" s="51">
        <v>-3.4792075710784235E-3</v>
      </c>
      <c r="C47" s="51">
        <v>-5.1131182859223204E-2</v>
      </c>
      <c r="D47" s="51">
        <v>-2.4462864060191204E-2</v>
      </c>
      <c r="E47" s="51">
        <v>-3.3239578900901477E-2</v>
      </c>
      <c r="F47" s="51">
        <v>-5.7617962472033789E-2</v>
      </c>
      <c r="G47" s="51">
        <v>-1.5091811765603836E-2</v>
      </c>
    </row>
    <row r="48" spans="1:7" x14ac:dyDescent="0.25">
      <c r="A48" s="5">
        <v>2007</v>
      </c>
      <c r="B48" s="51">
        <v>-5.2232913948682125E-3</v>
      </c>
      <c r="C48" s="51">
        <v>-4.3623844371216289E-2</v>
      </c>
      <c r="D48" s="51">
        <v>-2.5115666375279934E-2</v>
      </c>
      <c r="E48" s="51">
        <v>-2.4347199853808045E-2</v>
      </c>
      <c r="F48" s="51">
        <v>-5.3453473368546334E-2</v>
      </c>
      <c r="G48" s="51">
        <v>-9.9984600473254533E-3</v>
      </c>
    </row>
  </sheetData>
  <pageMargins left="0.7" right="0.7" top="0.75" bottom="0.75" header="0.3" footer="0.3"/>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0DFEFEB-F572-4FE1-9DE5-3BDA026BFF60}">
  <dimension ref="A1:J44"/>
  <sheetViews>
    <sheetView workbookViewId="0">
      <selection activeCell="A2" sqref="A2"/>
    </sheetView>
  </sheetViews>
  <sheetFormatPr defaultColWidth="8.6640625" defaultRowHeight="13.2" x14ac:dyDescent="0.25"/>
  <cols>
    <col min="1" max="1" width="19.44140625" customWidth="1"/>
    <col min="2" max="2" width="13.109375" customWidth="1"/>
    <col min="3" max="3" width="12.5546875" bestFit="1" customWidth="1"/>
    <col min="4" max="4" width="8" bestFit="1" customWidth="1"/>
    <col min="5" max="7" width="5.5546875" bestFit="1" customWidth="1"/>
  </cols>
  <sheetData>
    <row r="1" spans="1:10" s="19" customFormat="1" x14ac:dyDescent="0.25">
      <c r="A1" s="18" t="s">
        <v>27</v>
      </c>
      <c r="B1" s="18"/>
      <c r="C1" s="18"/>
    </row>
    <row r="2" spans="1:10" x14ac:dyDescent="0.25">
      <c r="A2" s="12" t="s">
        <v>2</v>
      </c>
      <c r="B2" t="s">
        <v>28</v>
      </c>
    </row>
    <row r="3" spans="1:10" x14ac:dyDescent="0.25">
      <c r="A3" s="12" t="s">
        <v>102</v>
      </c>
      <c r="B3" t="s">
        <v>146</v>
      </c>
    </row>
    <row r="4" spans="1:10" x14ac:dyDescent="0.25">
      <c r="A4" s="12" t="s">
        <v>103</v>
      </c>
      <c r="B4" t="s">
        <v>147</v>
      </c>
    </row>
    <row r="5" spans="1:10" x14ac:dyDescent="0.25">
      <c r="A5" s="12" t="s">
        <v>3</v>
      </c>
      <c r="B5" s="1" t="s">
        <v>148</v>
      </c>
    </row>
    <row r="7" spans="1:10" s="22" customFormat="1" x14ac:dyDescent="0.25">
      <c r="A7" s="16" t="s">
        <v>59</v>
      </c>
    </row>
    <row r="8" spans="1:10" x14ac:dyDescent="0.25">
      <c r="B8" s="1"/>
      <c r="C8" s="62"/>
      <c r="D8" s="62"/>
    </row>
    <row r="9" spans="1:10" x14ac:dyDescent="0.25">
      <c r="A9" s="3" t="s">
        <v>149</v>
      </c>
      <c r="B9" s="1"/>
      <c r="C9" s="63"/>
      <c r="D9" s="1"/>
      <c r="E9" s="1"/>
      <c r="F9" s="1"/>
      <c r="G9" s="1"/>
    </row>
    <row r="10" spans="1:10" x14ac:dyDescent="0.25">
      <c r="B10" s="1"/>
      <c r="C10" s="63"/>
      <c r="D10" s="1"/>
      <c r="E10" s="1"/>
      <c r="F10" s="1"/>
      <c r="G10" s="1"/>
      <c r="I10" s="2"/>
      <c r="J10" s="2"/>
    </row>
    <row r="11" spans="1:10" x14ac:dyDescent="0.25">
      <c r="A11" t="s">
        <v>150</v>
      </c>
      <c r="B11" s="1" t="s">
        <v>151</v>
      </c>
      <c r="C11" s="1"/>
      <c r="D11" s="1"/>
      <c r="E11" s="1"/>
      <c r="F11" s="1"/>
      <c r="G11" s="1"/>
      <c r="I11" s="2"/>
      <c r="J11" s="2"/>
    </row>
    <row r="12" spans="1:10" x14ac:dyDescent="0.25">
      <c r="A12" t="s">
        <v>152</v>
      </c>
      <c r="B12" s="14">
        <v>0.12</v>
      </c>
      <c r="D12" s="13"/>
      <c r="E12" s="14"/>
      <c r="F12" s="13"/>
      <c r="G12" s="13"/>
      <c r="I12" s="2"/>
      <c r="J12" s="2"/>
    </row>
    <row r="13" spans="1:10" x14ac:dyDescent="0.25">
      <c r="A13" t="s">
        <v>153</v>
      </c>
      <c r="B13" s="14">
        <v>0.16</v>
      </c>
      <c r="D13" s="13"/>
      <c r="E13" s="14"/>
      <c r="F13" s="13"/>
      <c r="G13" s="13"/>
      <c r="I13" s="2"/>
      <c r="J13" s="2"/>
    </row>
    <row r="14" spans="1:10" x14ac:dyDescent="0.25">
      <c r="A14" t="s">
        <v>154</v>
      </c>
      <c r="B14" s="14">
        <v>0.22</v>
      </c>
      <c r="D14" s="13"/>
      <c r="E14" s="14"/>
      <c r="F14" s="13"/>
      <c r="G14" s="13"/>
      <c r="I14" s="2"/>
      <c r="J14" s="2"/>
    </row>
    <row r="15" spans="1:10" x14ac:dyDescent="0.25">
      <c r="A15" t="s">
        <v>155</v>
      </c>
      <c r="B15" s="13">
        <v>0.25</v>
      </c>
      <c r="D15" s="13"/>
      <c r="E15" s="14"/>
      <c r="F15" s="13"/>
      <c r="G15" s="13"/>
      <c r="I15" s="2"/>
      <c r="J15" s="2"/>
    </row>
    <row r="16" spans="1:10" x14ac:dyDescent="0.25">
      <c r="A16" t="s">
        <v>156</v>
      </c>
      <c r="B16" s="64">
        <v>0.27</v>
      </c>
      <c r="D16" s="13"/>
      <c r="E16" s="14"/>
      <c r="F16" s="13"/>
      <c r="G16" s="13"/>
      <c r="I16" s="2"/>
      <c r="J16" s="2"/>
    </row>
    <row r="17" spans="1:10" x14ac:dyDescent="0.25">
      <c r="A17" t="s">
        <v>157</v>
      </c>
      <c r="B17" s="14">
        <v>0.28000000000000003</v>
      </c>
      <c r="D17" s="13"/>
      <c r="E17" s="14"/>
      <c r="F17" s="13"/>
      <c r="G17" s="13"/>
      <c r="I17" s="2"/>
      <c r="J17" s="2"/>
    </row>
    <row r="18" spans="1:10" x14ac:dyDescent="0.25">
      <c r="A18" t="s">
        <v>158</v>
      </c>
      <c r="B18" s="14">
        <v>0.3</v>
      </c>
      <c r="D18" s="13"/>
      <c r="E18" s="14"/>
      <c r="F18" s="13"/>
      <c r="G18" s="13"/>
    </row>
    <row r="19" spans="1:10" x14ac:dyDescent="0.25">
      <c r="A19" t="s">
        <v>159</v>
      </c>
      <c r="B19" s="14">
        <v>0.31</v>
      </c>
      <c r="D19" s="13"/>
      <c r="E19" s="14"/>
      <c r="F19" s="13"/>
      <c r="G19" s="13"/>
    </row>
    <row r="20" spans="1:10" x14ac:dyDescent="0.25">
      <c r="A20" t="s">
        <v>160</v>
      </c>
      <c r="B20" s="14">
        <v>0.32</v>
      </c>
      <c r="D20" s="13"/>
      <c r="E20" s="14"/>
      <c r="F20" s="13"/>
      <c r="G20" s="13"/>
    </row>
    <row r="21" spans="1:10" x14ac:dyDescent="0.25">
      <c r="A21" t="s">
        <v>161</v>
      </c>
      <c r="B21" s="14">
        <v>0.33</v>
      </c>
      <c r="D21" s="13"/>
      <c r="E21" s="14"/>
      <c r="F21" s="13"/>
      <c r="G21" s="13"/>
    </row>
    <row r="22" spans="1:10" x14ac:dyDescent="0.25">
      <c r="A22" t="s">
        <v>162</v>
      </c>
      <c r="B22" s="14">
        <v>0.46</v>
      </c>
      <c r="D22" s="13"/>
      <c r="E22" s="13"/>
      <c r="F22" s="13"/>
      <c r="G22" s="13"/>
    </row>
    <row r="23" spans="1:10" x14ac:dyDescent="0.25">
      <c r="A23" t="s">
        <v>163</v>
      </c>
      <c r="B23" s="64">
        <v>0.52</v>
      </c>
      <c r="D23" s="13"/>
      <c r="E23" s="13"/>
      <c r="F23" s="13"/>
      <c r="G23" s="13"/>
    </row>
    <row r="24" spans="1:10" x14ac:dyDescent="0.25">
      <c r="A24" t="s">
        <v>164</v>
      </c>
      <c r="B24" s="64">
        <v>0.56000000000000005</v>
      </c>
    </row>
    <row r="25" spans="1:10" x14ac:dyDescent="0.25">
      <c r="A25" t="s">
        <v>165</v>
      </c>
      <c r="B25" s="14">
        <v>0.56000000000000005</v>
      </c>
    </row>
    <row r="26" spans="1:10" x14ac:dyDescent="0.25">
      <c r="A26" t="s">
        <v>166</v>
      </c>
      <c r="B26" s="14">
        <v>0.61</v>
      </c>
    </row>
    <row r="27" spans="1:10" x14ac:dyDescent="0.25">
      <c r="A27" t="s">
        <v>167</v>
      </c>
      <c r="B27" s="14">
        <v>0.62</v>
      </c>
    </row>
    <row r="28" spans="1:10" x14ac:dyDescent="0.25">
      <c r="A28" t="s">
        <v>168</v>
      </c>
      <c r="B28" s="14">
        <v>0.66</v>
      </c>
    </row>
    <row r="31" spans="1:10" x14ac:dyDescent="0.25">
      <c r="A31" s="3" t="s">
        <v>169</v>
      </c>
    </row>
    <row r="33" spans="1:4" x14ac:dyDescent="0.25">
      <c r="B33" t="s">
        <v>152</v>
      </c>
      <c r="C33" t="s">
        <v>164</v>
      </c>
      <c r="D33" t="s">
        <v>170</v>
      </c>
    </row>
    <row r="34" spans="1:4" x14ac:dyDescent="0.25">
      <c r="A34" t="s">
        <v>171</v>
      </c>
      <c r="B34" s="67">
        <v>23.081594523256221</v>
      </c>
      <c r="C34" s="67">
        <v>63.460119655489471</v>
      </c>
      <c r="D34" s="67">
        <v>60.134866942775638</v>
      </c>
    </row>
    <row r="35" spans="1:4" x14ac:dyDescent="0.25">
      <c r="A35" t="s">
        <v>172</v>
      </c>
      <c r="B35" s="67">
        <v>21.353149010150862</v>
      </c>
      <c r="C35" s="67">
        <v>42.208611335546514</v>
      </c>
      <c r="D35" s="67">
        <v>49.525368447162585</v>
      </c>
    </row>
    <row r="36" spans="1:4" x14ac:dyDescent="0.25">
      <c r="A36" t="s">
        <v>96</v>
      </c>
      <c r="B36" s="67">
        <v>20.862238119739853</v>
      </c>
      <c r="C36" s="67">
        <v>45.454061209256032</v>
      </c>
      <c r="D36" s="67">
        <v>35.707264654839314</v>
      </c>
    </row>
    <row r="37" spans="1:4" x14ac:dyDescent="0.25">
      <c r="A37" t="s">
        <v>145</v>
      </c>
      <c r="B37" s="67">
        <v>19.599077757403009</v>
      </c>
      <c r="C37" s="67">
        <v>49.069520778049089</v>
      </c>
      <c r="D37" s="67">
        <v>50.230681113620065</v>
      </c>
    </row>
    <row r="38" spans="1:4" x14ac:dyDescent="0.25">
      <c r="A38" t="s">
        <v>98</v>
      </c>
      <c r="B38" s="67">
        <v>17.848321992595974</v>
      </c>
      <c r="C38" s="67">
        <v>46.826390561040213</v>
      </c>
      <c r="D38" s="67">
        <v>31.859446206844705</v>
      </c>
    </row>
    <row r="39" spans="1:4" x14ac:dyDescent="0.25">
      <c r="A39" t="s">
        <v>173</v>
      </c>
      <c r="B39" s="67">
        <v>16.850145896681415</v>
      </c>
      <c r="C39" s="67">
        <v>47.045747506553617</v>
      </c>
      <c r="D39" s="67">
        <v>39.852289119244702</v>
      </c>
    </row>
    <row r="40" spans="1:4" x14ac:dyDescent="0.25">
      <c r="A40" t="s">
        <v>174</v>
      </c>
      <c r="B40" s="67">
        <v>16.162711864406781</v>
      </c>
      <c r="C40" s="67">
        <v>37.177133974931373</v>
      </c>
      <c r="D40" s="67">
        <v>29.83684277728123</v>
      </c>
    </row>
    <row r="41" spans="1:4" x14ac:dyDescent="0.25">
      <c r="A41" t="s">
        <v>95</v>
      </c>
      <c r="B41" s="67">
        <v>14.547206165703276</v>
      </c>
      <c r="C41" s="67">
        <v>36.289381563593935</v>
      </c>
      <c r="D41" s="67">
        <v>32.526975287156283</v>
      </c>
    </row>
    <row r="42" spans="1:4" x14ac:dyDescent="0.25">
      <c r="A42" t="s">
        <v>175</v>
      </c>
      <c r="B42" s="67">
        <v>11.946336404272223</v>
      </c>
      <c r="C42" s="67">
        <v>40.104735307187276</v>
      </c>
      <c r="D42" s="67">
        <v>33.664772562783931</v>
      </c>
    </row>
    <row r="43" spans="1:4" x14ac:dyDescent="0.25">
      <c r="A43" t="s">
        <v>97</v>
      </c>
      <c r="B43" s="67">
        <v>6.1860398373954206</v>
      </c>
      <c r="C43" s="67">
        <v>53.79185941656057</v>
      </c>
      <c r="D43" s="67">
        <v>33.296291860624549</v>
      </c>
    </row>
    <row r="44" spans="1:4" x14ac:dyDescent="0.25">
      <c r="A44" t="s">
        <v>176</v>
      </c>
      <c r="B44" s="67">
        <v>3.5373747485387792</v>
      </c>
      <c r="C44" s="67">
        <v>23.488277476157265</v>
      </c>
      <c r="D44" s="67">
        <v>21.512412657941141</v>
      </c>
    </row>
  </sheetData>
  <pageMargins left="0.7" right="0.7" top="0.75" bottom="0.75" header="0.3" footer="0.3"/>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84026B-0B67-4DC4-AAFE-9A63FAF9FBAA}">
  <dimension ref="A1:J45"/>
  <sheetViews>
    <sheetView workbookViewId="0">
      <selection activeCell="B5" sqref="B5"/>
    </sheetView>
  </sheetViews>
  <sheetFormatPr defaultColWidth="8.6640625" defaultRowHeight="13.2" x14ac:dyDescent="0.25"/>
  <cols>
    <col min="1" max="1" width="16.6640625" customWidth="1"/>
    <col min="2" max="2" width="97.44140625" bestFit="1" customWidth="1"/>
    <col min="3" max="3" width="15" bestFit="1" customWidth="1"/>
    <col min="4" max="7" width="5.5546875" bestFit="1" customWidth="1"/>
  </cols>
  <sheetData>
    <row r="1" spans="1:10" s="19" customFormat="1" x14ac:dyDescent="0.25">
      <c r="A1" s="18" t="s">
        <v>29</v>
      </c>
      <c r="B1" s="18"/>
      <c r="C1" s="18"/>
    </row>
    <row r="2" spans="1:10" x14ac:dyDescent="0.25">
      <c r="A2" s="12" t="s">
        <v>2</v>
      </c>
      <c r="B2" t="s">
        <v>30</v>
      </c>
    </row>
    <row r="3" spans="1:10" x14ac:dyDescent="0.25">
      <c r="A3" s="12" t="s">
        <v>102</v>
      </c>
      <c r="B3" t="s">
        <v>177</v>
      </c>
    </row>
    <row r="4" spans="1:10" x14ac:dyDescent="0.25">
      <c r="A4" s="12" t="s">
        <v>103</v>
      </c>
      <c r="B4" s="1" t="s">
        <v>178</v>
      </c>
    </row>
    <row r="5" spans="1:10" x14ac:dyDescent="0.25">
      <c r="A5" s="12" t="s">
        <v>3</v>
      </c>
      <c r="B5" t="s">
        <v>179</v>
      </c>
    </row>
    <row r="7" spans="1:10" s="22" customFormat="1" x14ac:dyDescent="0.25">
      <c r="A7" s="16" t="s">
        <v>59</v>
      </c>
    </row>
    <row r="8" spans="1:10" x14ac:dyDescent="0.25">
      <c r="B8" s="1"/>
      <c r="C8" s="62"/>
      <c r="D8" s="62"/>
    </row>
    <row r="9" spans="1:10" x14ac:dyDescent="0.25">
      <c r="A9" s="3" t="s">
        <v>180</v>
      </c>
      <c r="B9" s="1"/>
      <c r="C9" s="63"/>
      <c r="D9" s="1"/>
      <c r="E9" s="1"/>
      <c r="F9" s="1"/>
      <c r="G9" s="1"/>
    </row>
    <row r="10" spans="1:10" x14ac:dyDescent="0.25">
      <c r="B10" s="1"/>
      <c r="C10" s="63"/>
      <c r="D10" s="1"/>
      <c r="E10" s="1"/>
      <c r="F10" s="1"/>
      <c r="G10" s="1"/>
      <c r="I10" s="2"/>
      <c r="J10" s="2"/>
    </row>
    <row r="11" spans="1:10" x14ac:dyDescent="0.25">
      <c r="A11" t="s">
        <v>150</v>
      </c>
      <c r="B11" s="1" t="s">
        <v>181</v>
      </c>
      <c r="C11" s="1"/>
      <c r="D11" s="1"/>
      <c r="E11" s="1"/>
      <c r="F11" s="1"/>
      <c r="G11" s="1"/>
      <c r="I11" s="2"/>
      <c r="J11" s="2"/>
    </row>
    <row r="12" spans="1:10" x14ac:dyDescent="0.25">
      <c r="A12" t="s">
        <v>182</v>
      </c>
      <c r="B12" s="65">
        <v>7.1774341984170813E-4</v>
      </c>
      <c r="C12" s="14"/>
      <c r="D12" s="13"/>
      <c r="E12" s="14"/>
      <c r="F12" s="13"/>
      <c r="G12" s="13"/>
      <c r="I12" s="2"/>
      <c r="J12" s="2"/>
    </row>
    <row r="13" spans="1:10" x14ac:dyDescent="0.25">
      <c r="A13" t="s">
        <v>183</v>
      </c>
      <c r="B13" s="65">
        <v>1.269786050734919E-3</v>
      </c>
      <c r="C13" s="14"/>
      <c r="D13" s="13"/>
      <c r="E13" s="14"/>
      <c r="F13" s="13"/>
      <c r="G13" s="13"/>
      <c r="I13" s="2"/>
      <c r="J13" s="2"/>
    </row>
    <row r="14" spans="1:10" x14ac:dyDescent="0.25">
      <c r="A14" t="s">
        <v>152</v>
      </c>
      <c r="B14" s="65">
        <v>1.589056974843545E-3</v>
      </c>
      <c r="C14" s="14"/>
      <c r="D14" s="13"/>
      <c r="E14" s="14"/>
      <c r="F14" s="13"/>
      <c r="G14" s="13"/>
      <c r="I14" s="2"/>
      <c r="J14" s="2"/>
    </row>
    <row r="15" spans="1:10" x14ac:dyDescent="0.25">
      <c r="A15" t="s">
        <v>163</v>
      </c>
      <c r="B15" s="65">
        <v>1.791580101874018E-3</v>
      </c>
      <c r="C15" s="13"/>
      <c r="D15" s="13"/>
      <c r="E15" s="14"/>
      <c r="F15" s="13"/>
      <c r="G15" s="13"/>
      <c r="I15" s="2"/>
      <c r="J15" s="2"/>
    </row>
    <row r="16" spans="1:10" x14ac:dyDescent="0.25">
      <c r="A16" t="s">
        <v>168</v>
      </c>
      <c r="B16" s="65">
        <v>2.7952460159896982E-3</v>
      </c>
      <c r="C16" s="64"/>
      <c r="D16" s="13"/>
      <c r="E16" s="14"/>
      <c r="F16" s="13"/>
      <c r="G16" s="13"/>
      <c r="I16" s="2"/>
      <c r="J16" s="2"/>
    </row>
    <row r="17" spans="1:10" x14ac:dyDescent="0.25">
      <c r="A17" t="s">
        <v>158</v>
      </c>
      <c r="B17" s="65">
        <v>3.4629244445622078E-3</v>
      </c>
      <c r="C17" s="14"/>
      <c r="D17" s="13"/>
      <c r="E17" s="14"/>
      <c r="F17" s="13"/>
      <c r="G17" s="13"/>
      <c r="I17" s="2"/>
      <c r="J17" s="2"/>
    </row>
    <row r="18" spans="1:10" x14ac:dyDescent="0.25">
      <c r="A18" t="s">
        <v>184</v>
      </c>
      <c r="B18" s="65">
        <v>3.7359331298586671E-3</v>
      </c>
      <c r="C18" s="14"/>
      <c r="D18" s="13"/>
      <c r="E18" s="14"/>
      <c r="F18" s="13"/>
      <c r="G18" s="13"/>
    </row>
    <row r="19" spans="1:10" x14ac:dyDescent="0.25">
      <c r="A19" t="s">
        <v>185</v>
      </c>
      <c r="B19" s="65">
        <v>4.0563435963122856E-3</v>
      </c>
      <c r="C19" s="14"/>
      <c r="D19" s="13"/>
      <c r="E19" s="14"/>
      <c r="F19" s="13"/>
      <c r="G19" s="13"/>
    </row>
    <row r="20" spans="1:10" x14ac:dyDescent="0.25">
      <c r="A20" t="s">
        <v>186</v>
      </c>
      <c r="B20" s="65">
        <v>7.2941327554378356E-3</v>
      </c>
      <c r="C20" s="14"/>
      <c r="D20" s="13"/>
      <c r="E20" s="14"/>
      <c r="F20" s="13"/>
      <c r="G20" s="13"/>
    </row>
    <row r="21" spans="1:10" x14ac:dyDescent="0.25">
      <c r="A21" t="s">
        <v>166</v>
      </c>
      <c r="B21" s="65">
        <v>7.7398526456798396E-3</v>
      </c>
      <c r="C21" s="14"/>
      <c r="D21" s="13"/>
      <c r="E21" s="14"/>
      <c r="F21" s="13"/>
      <c r="G21" s="13"/>
    </row>
    <row r="22" spans="1:10" x14ac:dyDescent="0.25">
      <c r="A22" t="s">
        <v>187</v>
      </c>
      <c r="B22" s="65">
        <v>1.0917377531529181E-2</v>
      </c>
      <c r="C22" s="14"/>
      <c r="D22" s="13"/>
      <c r="E22" s="13"/>
      <c r="F22" s="13"/>
      <c r="G22" s="13"/>
    </row>
    <row r="23" spans="1:10" x14ac:dyDescent="0.25">
      <c r="A23" t="s">
        <v>165</v>
      </c>
      <c r="B23" s="65">
        <v>1.511359559966519E-2</v>
      </c>
      <c r="C23" s="64"/>
      <c r="D23" s="13"/>
      <c r="E23" s="13"/>
      <c r="F23" s="13"/>
      <c r="G23" s="13"/>
    </row>
    <row r="24" spans="1:10" x14ac:dyDescent="0.25">
      <c r="A24" t="s">
        <v>167</v>
      </c>
      <c r="B24" s="65">
        <v>1.9028400116449771E-2</v>
      </c>
      <c r="C24" s="62"/>
    </row>
    <row r="25" spans="1:10" x14ac:dyDescent="0.25">
      <c r="A25" t="s">
        <v>164</v>
      </c>
      <c r="B25" s="65">
        <v>4.1536409724162712E-2</v>
      </c>
      <c r="C25" s="1"/>
    </row>
    <row r="26" spans="1:10" x14ac:dyDescent="0.25">
      <c r="A26" t="s">
        <v>188</v>
      </c>
      <c r="B26" s="65">
        <v>4.2312134729176151E-2</v>
      </c>
      <c r="C26" s="1"/>
    </row>
    <row r="27" spans="1:10" x14ac:dyDescent="0.25">
      <c r="B27" s="1"/>
      <c r="C27" s="1"/>
    </row>
    <row r="28" spans="1:10" x14ac:dyDescent="0.25">
      <c r="A28" s="3" t="s">
        <v>189</v>
      </c>
    </row>
    <row r="29" spans="1:10" x14ac:dyDescent="0.25">
      <c r="A29" s="3"/>
    </row>
    <row r="30" spans="1:10" x14ac:dyDescent="0.25">
      <c r="A30" t="s">
        <v>150</v>
      </c>
      <c r="B30" t="s">
        <v>190</v>
      </c>
    </row>
    <row r="31" spans="1:10" x14ac:dyDescent="0.25">
      <c r="A31" t="s">
        <v>186</v>
      </c>
      <c r="B31" s="13">
        <v>0.26600000000000001</v>
      </c>
    </row>
    <row r="32" spans="1:10" x14ac:dyDescent="0.25">
      <c r="A32" t="s">
        <v>152</v>
      </c>
      <c r="B32" s="13">
        <v>0.30299999999999999</v>
      </c>
    </row>
    <row r="33" spans="1:2" x14ac:dyDescent="0.25">
      <c r="A33" t="s">
        <v>185</v>
      </c>
      <c r="B33" s="13">
        <v>0.32299999999999995</v>
      </c>
    </row>
    <row r="34" spans="1:2" x14ac:dyDescent="0.25">
      <c r="A34" t="s">
        <v>158</v>
      </c>
      <c r="B34" s="13">
        <v>0.33899999999999997</v>
      </c>
    </row>
    <row r="35" spans="1:2" x14ac:dyDescent="0.25">
      <c r="A35" t="s">
        <v>163</v>
      </c>
      <c r="B35" s="13">
        <v>0.34600000000000003</v>
      </c>
    </row>
    <row r="36" spans="1:2" x14ac:dyDescent="0.25">
      <c r="A36" t="s">
        <v>183</v>
      </c>
      <c r="B36" s="13">
        <v>0.37</v>
      </c>
    </row>
    <row r="37" spans="1:2" x14ac:dyDescent="0.25">
      <c r="A37" t="s">
        <v>168</v>
      </c>
      <c r="B37" s="13">
        <v>0.37200000000000005</v>
      </c>
    </row>
    <row r="38" spans="1:2" x14ac:dyDescent="0.25">
      <c r="A38" t="s">
        <v>182</v>
      </c>
      <c r="B38" s="13">
        <v>0.42499999999999999</v>
      </c>
    </row>
    <row r="39" spans="1:2" x14ac:dyDescent="0.25">
      <c r="A39" t="s">
        <v>167</v>
      </c>
      <c r="B39" s="13">
        <v>0.43799999999999994</v>
      </c>
    </row>
    <row r="40" spans="1:2" x14ac:dyDescent="0.25">
      <c r="A40" t="s">
        <v>188</v>
      </c>
      <c r="B40" s="13">
        <v>0.44700000000000001</v>
      </c>
    </row>
    <row r="41" spans="1:2" x14ac:dyDescent="0.25">
      <c r="A41" t="s">
        <v>184</v>
      </c>
      <c r="B41" s="13">
        <v>0.45700000000000002</v>
      </c>
    </row>
    <row r="42" spans="1:2" x14ac:dyDescent="0.25">
      <c r="A42" t="s">
        <v>166</v>
      </c>
      <c r="B42" s="13">
        <v>0.46399999999999997</v>
      </c>
    </row>
    <row r="43" spans="1:2" x14ac:dyDescent="0.25">
      <c r="A43" t="s">
        <v>164</v>
      </c>
      <c r="B43" s="13">
        <v>0.48700000000000004</v>
      </c>
    </row>
    <row r="44" spans="1:2" x14ac:dyDescent="0.25">
      <c r="A44" t="s">
        <v>187</v>
      </c>
      <c r="B44" s="13">
        <v>0.50900000000000001</v>
      </c>
    </row>
    <row r="45" spans="1:2" x14ac:dyDescent="0.25">
      <c r="A45" t="s">
        <v>165</v>
      </c>
      <c r="B45" s="13">
        <v>0.54899999999999993</v>
      </c>
    </row>
  </sheetData>
  <pageMargins left="0.7" right="0.7" top="0.75" bottom="0.75" header="0.3" footer="0.3"/>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D10C207-F194-4885-8E1F-7E150D9BCF8E}">
  <dimension ref="A1:J47"/>
  <sheetViews>
    <sheetView workbookViewId="0">
      <selection activeCell="A2" sqref="A2"/>
    </sheetView>
  </sheetViews>
  <sheetFormatPr defaultColWidth="8.6640625" defaultRowHeight="13.2" x14ac:dyDescent="0.25"/>
  <cols>
    <col min="1" max="1" width="16.6640625" customWidth="1"/>
    <col min="2" max="2" width="15.109375" customWidth="1"/>
    <col min="3" max="3" width="18.33203125" bestFit="1" customWidth="1"/>
    <col min="4" max="4" width="27.44140625" bestFit="1" customWidth="1"/>
    <col min="5" max="5" width="27.88671875" bestFit="1" customWidth="1"/>
    <col min="6" max="6" width="9.6640625" customWidth="1"/>
    <col min="7" max="7" width="9.109375" customWidth="1"/>
    <col min="8" max="9" width="8.88671875" bestFit="1" customWidth="1"/>
  </cols>
  <sheetData>
    <row r="1" spans="1:10" s="19" customFormat="1" x14ac:dyDescent="0.25">
      <c r="A1" s="18" t="s">
        <v>31</v>
      </c>
      <c r="B1" s="18"/>
      <c r="C1" s="18"/>
    </row>
    <row r="2" spans="1:10" x14ac:dyDescent="0.25">
      <c r="A2" s="12" t="s">
        <v>2</v>
      </c>
      <c r="B2" t="s">
        <v>32</v>
      </c>
    </row>
    <row r="3" spans="1:10" x14ac:dyDescent="0.25">
      <c r="A3" s="12" t="s">
        <v>102</v>
      </c>
      <c r="B3" t="s">
        <v>191</v>
      </c>
    </row>
    <row r="4" spans="1:10" x14ac:dyDescent="0.25">
      <c r="A4" s="12" t="s">
        <v>103</v>
      </c>
      <c r="B4" s="1" t="s">
        <v>192</v>
      </c>
    </row>
    <row r="5" spans="1:10" x14ac:dyDescent="0.25">
      <c r="A5" s="12" t="s">
        <v>3</v>
      </c>
      <c r="B5" t="s">
        <v>193</v>
      </c>
    </row>
    <row r="7" spans="1:10" s="22" customFormat="1" x14ac:dyDescent="0.25">
      <c r="A7" s="16" t="s">
        <v>59</v>
      </c>
    </row>
    <row r="8" spans="1:10" x14ac:dyDescent="0.25">
      <c r="B8" s="1"/>
      <c r="C8" s="62"/>
      <c r="D8" s="62"/>
    </row>
    <row r="9" spans="1:10" x14ac:dyDescent="0.25">
      <c r="A9" s="3" t="s">
        <v>194</v>
      </c>
      <c r="B9" s="1"/>
      <c r="C9" s="63"/>
      <c r="D9" s="1"/>
      <c r="E9" s="1"/>
      <c r="F9" s="1"/>
      <c r="G9" s="1"/>
    </row>
    <row r="10" spans="1:10" x14ac:dyDescent="0.25">
      <c r="B10" s="1"/>
      <c r="C10" s="63"/>
      <c r="D10" s="1"/>
      <c r="E10" s="1"/>
      <c r="F10" s="1"/>
      <c r="G10" s="1"/>
      <c r="I10" s="2"/>
      <c r="J10" s="2"/>
    </row>
    <row r="11" spans="1:10" x14ac:dyDescent="0.25">
      <c r="B11" s="1" t="s">
        <v>195</v>
      </c>
      <c r="C11" s="1" t="s">
        <v>196</v>
      </c>
      <c r="D11" s="1" t="s">
        <v>197</v>
      </c>
      <c r="E11" s="1" t="s">
        <v>198</v>
      </c>
      <c r="F11" s="1" t="s">
        <v>199</v>
      </c>
      <c r="G11" s="1" t="s">
        <v>200</v>
      </c>
      <c r="I11" s="2"/>
      <c r="J11" s="2"/>
    </row>
    <row r="12" spans="1:10" x14ac:dyDescent="0.25">
      <c r="A12" t="s">
        <v>127</v>
      </c>
      <c r="B12" s="14">
        <v>0.16986650936438405</v>
      </c>
      <c r="C12" s="14">
        <v>0.28720644850045796</v>
      </c>
      <c r="D12" s="13">
        <v>0.2214145255851154</v>
      </c>
      <c r="E12" s="14">
        <v>0.15639693324343834</v>
      </c>
      <c r="F12" s="13">
        <v>0.11712841916010541</v>
      </c>
      <c r="G12" s="13">
        <v>4.192112609487255E-2</v>
      </c>
      <c r="I12" s="2"/>
      <c r="J12" s="2"/>
    </row>
    <row r="13" spans="1:10" x14ac:dyDescent="0.25">
      <c r="A13" t="s">
        <v>201</v>
      </c>
      <c r="B13" s="14">
        <v>0.15343934199553824</v>
      </c>
      <c r="C13" s="14">
        <v>0.23385102243002645</v>
      </c>
      <c r="D13" s="13">
        <v>0.22392251056641696</v>
      </c>
      <c r="E13" s="14">
        <v>0.19194885355266816</v>
      </c>
      <c r="F13" s="13">
        <v>0.14477951291134189</v>
      </c>
      <c r="G13" s="13">
        <v>5.2080140838043382E-2</v>
      </c>
      <c r="I13" s="2"/>
      <c r="J13" s="2"/>
    </row>
    <row r="14" spans="1:10" x14ac:dyDescent="0.25">
      <c r="B14" s="1"/>
      <c r="C14" s="14"/>
      <c r="D14" s="13"/>
      <c r="E14" s="14"/>
      <c r="F14" s="13"/>
      <c r="G14" s="13"/>
      <c r="I14" s="2"/>
      <c r="J14" s="2"/>
    </row>
    <row r="15" spans="1:10" x14ac:dyDescent="0.25">
      <c r="C15" s="1"/>
    </row>
    <row r="16" spans="1:10" x14ac:dyDescent="0.25">
      <c r="A16" s="3" t="s">
        <v>202</v>
      </c>
    </row>
    <row r="18" spans="1:5" x14ac:dyDescent="0.25">
      <c r="B18" t="s">
        <v>135</v>
      </c>
      <c r="C18" t="s">
        <v>127</v>
      </c>
      <c r="D18" t="s">
        <v>125</v>
      </c>
      <c r="E18" t="s">
        <v>126</v>
      </c>
    </row>
    <row r="19" spans="1:5" x14ac:dyDescent="0.25">
      <c r="A19" t="s">
        <v>64</v>
      </c>
      <c r="B19" s="66">
        <v>100</v>
      </c>
      <c r="C19" s="66">
        <v>100</v>
      </c>
      <c r="D19" s="66">
        <v>100</v>
      </c>
      <c r="E19" s="66">
        <v>100</v>
      </c>
    </row>
    <row r="20" spans="1:5" x14ac:dyDescent="0.25">
      <c r="A20" t="s">
        <v>65</v>
      </c>
      <c r="B20" s="66">
        <v>102.29659077710464</v>
      </c>
      <c r="C20" s="66">
        <v>93.479862168309523</v>
      </c>
      <c r="D20" s="66">
        <v>99.220297864011926</v>
      </c>
      <c r="E20" s="66">
        <v>91.557397693966394</v>
      </c>
    </row>
    <row r="21" spans="1:5" x14ac:dyDescent="0.25">
      <c r="A21" t="s">
        <v>66</v>
      </c>
      <c r="B21" s="66">
        <v>102.88158512583256</v>
      </c>
      <c r="C21" s="66">
        <v>94.525791201428476</v>
      </c>
      <c r="D21" s="66">
        <v>102.06027137491782</v>
      </c>
      <c r="E21" s="66">
        <v>92.002503556725813</v>
      </c>
    </row>
    <row r="22" spans="1:5" x14ac:dyDescent="0.25">
      <c r="A22" t="s">
        <v>67</v>
      </c>
      <c r="B22" s="66">
        <v>104.47104873089688</v>
      </c>
      <c r="C22" s="66">
        <v>96.880698944397466</v>
      </c>
      <c r="D22" s="66">
        <v>102.76239072457847</v>
      </c>
      <c r="E22" s="66">
        <v>94.910927990443682</v>
      </c>
    </row>
    <row r="23" spans="1:5" x14ac:dyDescent="0.25">
      <c r="A23" t="s">
        <v>68</v>
      </c>
      <c r="B23" s="66">
        <v>106.34839452907127</v>
      </c>
      <c r="C23" s="66">
        <v>102.05487078222563</v>
      </c>
      <c r="D23" s="66">
        <v>110.02311902479617</v>
      </c>
      <c r="E23" s="66">
        <v>99.386314773392129</v>
      </c>
    </row>
    <row r="24" spans="1:5" x14ac:dyDescent="0.25">
      <c r="A24" t="s">
        <v>69</v>
      </c>
      <c r="B24" s="66">
        <v>108.72779501080747</v>
      </c>
      <c r="C24" s="66">
        <v>113.6160508776872</v>
      </c>
      <c r="D24" s="66">
        <v>116.96567706315959</v>
      </c>
      <c r="E24" s="66">
        <v>112.49426540960484</v>
      </c>
    </row>
    <row r="25" spans="1:5" x14ac:dyDescent="0.25">
      <c r="A25" t="s">
        <v>70</v>
      </c>
      <c r="B25" s="66">
        <v>110.96038183286203</v>
      </c>
      <c r="C25" s="66">
        <v>114.27073889536487</v>
      </c>
      <c r="D25" s="66">
        <v>119.08894938878589</v>
      </c>
      <c r="E25" s="66">
        <v>112.6571264459747</v>
      </c>
    </row>
    <row r="26" spans="1:5" x14ac:dyDescent="0.25">
      <c r="A26" t="s">
        <v>71</v>
      </c>
      <c r="B26" s="66">
        <v>112.31785369090279</v>
      </c>
      <c r="C26" s="66">
        <v>112.20910242459958</v>
      </c>
      <c r="D26" s="66">
        <v>115.13336473002371</v>
      </c>
      <c r="E26" s="66">
        <v>111.22977076863356</v>
      </c>
    </row>
    <row r="27" spans="1:5" x14ac:dyDescent="0.25">
      <c r="A27" t="s">
        <v>72</v>
      </c>
      <c r="B27" s="66">
        <v>114.99662141397802</v>
      </c>
      <c r="C27" s="66">
        <v>127.02960518756123</v>
      </c>
      <c r="D27" s="66">
        <v>132.4159445493051</v>
      </c>
      <c r="E27" s="66">
        <v>125.22572711651844</v>
      </c>
    </row>
    <row r="28" spans="1:5" x14ac:dyDescent="0.25">
      <c r="A28" t="s">
        <v>73</v>
      </c>
      <c r="B28" s="66">
        <v>117.17549882032347</v>
      </c>
      <c r="C28" s="66">
        <v>139.74472176025944</v>
      </c>
      <c r="D28" s="66">
        <v>142.57207273100798</v>
      </c>
      <c r="E28" s="66">
        <v>138.79784558467006</v>
      </c>
    </row>
    <row r="29" spans="1:5" x14ac:dyDescent="0.25">
      <c r="A29" t="s">
        <v>74</v>
      </c>
      <c r="B29" s="66">
        <v>120.48655443196392</v>
      </c>
      <c r="C29" s="66">
        <v>139.70401338196115</v>
      </c>
      <c r="D29" s="66">
        <v>148.49876129619017</v>
      </c>
      <c r="E29" s="66">
        <v>136.75866370431095</v>
      </c>
    </row>
    <row r="30" spans="1:5" x14ac:dyDescent="0.25">
      <c r="A30" t="s">
        <v>75</v>
      </c>
      <c r="B30" s="66">
        <v>123.52356257758079</v>
      </c>
      <c r="C30" s="66">
        <v>138.39639448137021</v>
      </c>
      <c r="D30" s="66">
        <v>156.21716312696699</v>
      </c>
      <c r="E30" s="66">
        <v>132.42824215936147</v>
      </c>
    </row>
    <row r="31" spans="1:5" x14ac:dyDescent="0.25">
      <c r="A31" t="s">
        <v>76</v>
      </c>
      <c r="B31" s="66">
        <v>127.4137902059379</v>
      </c>
      <c r="C31" s="66">
        <v>143.66510675637426</v>
      </c>
      <c r="D31" s="66">
        <v>175.7141248736157</v>
      </c>
      <c r="E31" s="66">
        <v>132.9319321274688</v>
      </c>
    </row>
    <row r="32" spans="1:5" x14ac:dyDescent="0.25">
      <c r="A32" t="s">
        <v>77</v>
      </c>
      <c r="B32" s="66">
        <v>131.10457555056496</v>
      </c>
      <c r="C32" s="66">
        <v>159.12468491434211</v>
      </c>
      <c r="D32" s="66">
        <v>198.04580866840692</v>
      </c>
      <c r="E32" s="66">
        <v>146.09005101456333</v>
      </c>
    </row>
    <row r="33" spans="1:5" x14ac:dyDescent="0.25">
      <c r="A33" t="s">
        <v>78</v>
      </c>
      <c r="B33" s="66">
        <v>132.8464963913861</v>
      </c>
      <c r="C33" s="66">
        <v>161.21776901803432</v>
      </c>
      <c r="D33" s="66">
        <v>191.53563369891344</v>
      </c>
      <c r="E33" s="66">
        <v>151.06435543122799</v>
      </c>
    </row>
    <row r="34" spans="1:5" x14ac:dyDescent="0.25">
      <c r="A34" t="s">
        <v>79</v>
      </c>
      <c r="B34" s="66">
        <v>134.26230114204057</v>
      </c>
      <c r="C34" s="66">
        <v>165.15919131689725</v>
      </c>
      <c r="D34" s="66">
        <v>217.6168823852652</v>
      </c>
      <c r="E34" s="66">
        <v>147.59117856822991</v>
      </c>
    </row>
    <row r="35" spans="1:5" x14ac:dyDescent="0.25">
      <c r="A35" t="s">
        <v>80</v>
      </c>
      <c r="B35" s="66">
        <v>137.44688087620392</v>
      </c>
      <c r="C35" s="66">
        <v>174.82646160895533</v>
      </c>
      <c r="D35" s="66">
        <v>221.31053916974187</v>
      </c>
      <c r="E35" s="66">
        <v>159.2590042816089</v>
      </c>
    </row>
    <row r="36" spans="1:5" x14ac:dyDescent="0.25">
      <c r="A36" t="s">
        <v>81</v>
      </c>
      <c r="B36" s="66">
        <v>139.04595023188935</v>
      </c>
      <c r="C36" s="66">
        <v>168.15623109497977</v>
      </c>
      <c r="D36" s="66">
        <v>203.60112808169654</v>
      </c>
      <c r="E36" s="66">
        <v>156.28578103406718</v>
      </c>
    </row>
    <row r="37" spans="1:5" x14ac:dyDescent="0.25">
      <c r="A37" t="s">
        <v>82</v>
      </c>
      <c r="B37" s="66">
        <v>140.74661239108096</v>
      </c>
      <c r="C37" s="66">
        <v>155.59844613203822</v>
      </c>
      <c r="D37" s="66">
        <v>212.57055641498135</v>
      </c>
      <c r="E37" s="66">
        <v>136.51856023952391</v>
      </c>
    </row>
    <row r="38" spans="1:5" x14ac:dyDescent="0.25">
      <c r="A38" t="s">
        <v>83</v>
      </c>
      <c r="B38" s="66">
        <v>141.32689859065442</v>
      </c>
      <c r="C38" s="66">
        <v>153.84358499110601</v>
      </c>
      <c r="D38" s="66">
        <v>188.99693953202467</v>
      </c>
      <c r="E38" s="66">
        <v>142.07077211742467</v>
      </c>
    </row>
    <row r="39" spans="1:5" x14ac:dyDescent="0.25">
      <c r="A39" t="s">
        <v>84</v>
      </c>
      <c r="B39" s="66">
        <v>143.05956518202703</v>
      </c>
      <c r="C39" s="66">
        <v>183.72074965535424</v>
      </c>
      <c r="D39" s="66">
        <v>226.22459338868146</v>
      </c>
      <c r="E39" s="66">
        <v>169.48626747806443</v>
      </c>
    </row>
    <row r="40" spans="1:5" x14ac:dyDescent="0.25">
      <c r="A40" t="s">
        <v>85</v>
      </c>
      <c r="B40" s="66">
        <v>146.10036066843216</v>
      </c>
      <c r="C40" s="66">
        <v>210.18157339519979</v>
      </c>
      <c r="D40" s="66">
        <v>272.47645527776996</v>
      </c>
      <c r="E40" s="66">
        <v>189.31909819278582</v>
      </c>
    </row>
    <row r="41" spans="1:5" x14ac:dyDescent="0.25">
      <c r="A41" t="s">
        <v>86</v>
      </c>
      <c r="B41" s="66">
        <v>148.09944998124621</v>
      </c>
      <c r="C41" s="66">
        <v>209.09333282785479</v>
      </c>
      <c r="D41" s="66">
        <v>251.59535820477501</v>
      </c>
      <c r="E41" s="66">
        <v>194.85945961576897</v>
      </c>
    </row>
    <row r="42" spans="1:5" x14ac:dyDescent="0.25">
      <c r="A42" t="s">
        <v>87</v>
      </c>
      <c r="B42" s="66">
        <v>152.48850413191138</v>
      </c>
      <c r="C42" s="66">
        <v>199.09570449864356</v>
      </c>
      <c r="D42" s="66">
        <v>226.82343839652154</v>
      </c>
      <c r="E42" s="66">
        <v>189.80972235400984</v>
      </c>
    </row>
    <row r="43" spans="1:5" x14ac:dyDescent="0.25">
      <c r="A43" t="s">
        <v>88</v>
      </c>
      <c r="B43" s="66">
        <v>156.00319569110439</v>
      </c>
      <c r="C43" s="66">
        <v>214.5334210843408</v>
      </c>
      <c r="D43" s="66">
        <v>253.1441219270194</v>
      </c>
      <c r="E43" s="66">
        <v>201.60274741524785</v>
      </c>
    </row>
    <row r="44" spans="1:5" x14ac:dyDescent="0.25">
      <c r="A44" t="s">
        <v>89</v>
      </c>
      <c r="B44" s="66">
        <v>156.30909204646838</v>
      </c>
      <c r="C44" s="66">
        <v>209.11547170444913</v>
      </c>
      <c r="D44" s="66">
        <v>258.22448091112949</v>
      </c>
      <c r="E44" s="66">
        <v>192.66892817105258</v>
      </c>
    </row>
    <row r="45" spans="1:5" x14ac:dyDescent="0.25">
      <c r="A45" t="s">
        <v>90</v>
      </c>
      <c r="B45" s="66">
        <v>156.93176764963439</v>
      </c>
      <c r="C45" s="66">
        <v>217.02408158482717</v>
      </c>
      <c r="D45" s="66">
        <v>262.55561295428271</v>
      </c>
      <c r="E45" s="66">
        <v>201.77563074236758</v>
      </c>
    </row>
    <row r="46" spans="1:5" x14ac:dyDescent="0.25">
      <c r="A46" t="s">
        <v>91</v>
      </c>
      <c r="B46" s="66">
        <v>162.31390565447725</v>
      </c>
      <c r="C46" s="66">
        <v>224.99553032094633</v>
      </c>
      <c r="D46" s="66">
        <v>300.75940393181565</v>
      </c>
      <c r="E46" s="66">
        <v>199.62230724581215</v>
      </c>
    </row>
    <row r="47" spans="1:5" x14ac:dyDescent="0.25">
      <c r="A47" t="s">
        <v>92</v>
      </c>
      <c r="B47" s="66">
        <v>170.1813267482766</v>
      </c>
      <c r="C47" s="66">
        <v>221.88810083547321</v>
      </c>
      <c r="D47" s="66">
        <v>294.56215960947037</v>
      </c>
      <c r="E47" s="66">
        <v>197.54965274451524</v>
      </c>
    </row>
  </sheetData>
  <pageMargins left="0.7" right="0.7" top="0.75" bottom="0.75" header="0.3" footer="0.3"/>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61E101-9255-4035-95CD-22771DFC75E2}">
  <dimension ref="A1:J33"/>
  <sheetViews>
    <sheetView workbookViewId="0">
      <selection activeCell="C41" sqref="C41"/>
    </sheetView>
  </sheetViews>
  <sheetFormatPr defaultColWidth="8.6640625" defaultRowHeight="13.2" x14ac:dyDescent="0.25"/>
  <cols>
    <col min="1" max="1" width="16.6640625" customWidth="1"/>
    <col min="2" max="2" width="50.6640625" customWidth="1"/>
    <col min="3" max="3" width="57.44140625" bestFit="1" customWidth="1"/>
    <col min="4" max="7" width="5.5546875" bestFit="1" customWidth="1"/>
  </cols>
  <sheetData>
    <row r="1" spans="1:10" s="19" customFormat="1" x14ac:dyDescent="0.25">
      <c r="A1" s="18" t="s">
        <v>33</v>
      </c>
      <c r="B1" s="18"/>
      <c r="C1" s="18"/>
    </row>
    <row r="2" spans="1:10" x14ac:dyDescent="0.25">
      <c r="A2" s="12" t="s">
        <v>2</v>
      </c>
      <c r="B2" s="7" t="s">
        <v>34</v>
      </c>
    </row>
    <row r="3" spans="1:10" x14ac:dyDescent="0.25">
      <c r="A3" s="12" t="s">
        <v>102</v>
      </c>
    </row>
    <row r="4" spans="1:10" x14ac:dyDescent="0.25">
      <c r="A4" s="12" t="s">
        <v>103</v>
      </c>
      <c r="B4" s="1" t="s">
        <v>203</v>
      </c>
    </row>
    <row r="5" spans="1:10" x14ac:dyDescent="0.25">
      <c r="A5" s="12" t="s">
        <v>3</v>
      </c>
      <c r="B5" t="s">
        <v>204</v>
      </c>
    </row>
    <row r="7" spans="1:10" s="22" customFormat="1" x14ac:dyDescent="0.25">
      <c r="A7" s="16" t="s">
        <v>59</v>
      </c>
    </row>
    <row r="8" spans="1:10" x14ac:dyDescent="0.25">
      <c r="B8" s="1"/>
      <c r="C8" s="62"/>
      <c r="D8" s="62"/>
    </row>
    <row r="9" spans="1:10" x14ac:dyDescent="0.25">
      <c r="A9" s="3" t="s">
        <v>205</v>
      </c>
      <c r="B9" s="1"/>
      <c r="C9" s="63"/>
      <c r="D9" s="1"/>
      <c r="E9" s="1"/>
      <c r="F9" s="1"/>
      <c r="G9" s="1"/>
    </row>
    <row r="10" spans="1:10" x14ac:dyDescent="0.25">
      <c r="B10" s="1"/>
      <c r="C10" s="63"/>
      <c r="D10" s="1"/>
      <c r="E10" s="1"/>
      <c r="F10" s="1"/>
      <c r="G10" s="1"/>
      <c r="I10" s="2"/>
      <c r="J10" s="2"/>
    </row>
    <row r="11" spans="1:10" x14ac:dyDescent="0.25">
      <c r="B11" t="s">
        <v>206</v>
      </c>
      <c r="C11" t="s">
        <v>207</v>
      </c>
      <c r="D11" s="1"/>
      <c r="E11" s="1"/>
      <c r="F11" s="1"/>
      <c r="G11" s="1"/>
      <c r="I11" s="2"/>
      <c r="J11" s="2"/>
    </row>
    <row r="12" spans="1:10" x14ac:dyDescent="0.25">
      <c r="A12" t="s">
        <v>81</v>
      </c>
      <c r="B12" s="74">
        <v>100</v>
      </c>
      <c r="C12" s="74">
        <v>100</v>
      </c>
      <c r="D12" s="13"/>
      <c r="E12" s="14"/>
      <c r="F12" s="13"/>
      <c r="G12" s="13"/>
      <c r="I12" s="2"/>
      <c r="J12" s="2"/>
    </row>
    <row r="13" spans="1:10" x14ac:dyDescent="0.25">
      <c r="A13" t="s">
        <v>82</v>
      </c>
      <c r="B13" s="66">
        <v>103.62086866000182</v>
      </c>
      <c r="C13" s="66">
        <v>103.90394668111207</v>
      </c>
      <c r="D13" s="13"/>
      <c r="E13" s="14"/>
      <c r="F13" s="13"/>
      <c r="G13" s="13"/>
      <c r="I13" s="2"/>
      <c r="J13" s="2"/>
    </row>
    <row r="14" spans="1:10" x14ac:dyDescent="0.25">
      <c r="A14" t="s">
        <v>83</v>
      </c>
      <c r="B14" s="66">
        <v>107.54719385865515</v>
      </c>
      <c r="C14" s="66">
        <v>108.34040457457191</v>
      </c>
      <c r="D14" s="13"/>
      <c r="E14" s="14"/>
      <c r="F14" s="13"/>
      <c r="G14" s="13"/>
      <c r="I14" s="2"/>
      <c r="J14" s="2"/>
    </row>
    <row r="15" spans="1:10" x14ac:dyDescent="0.25">
      <c r="A15" t="s">
        <v>84</v>
      </c>
      <c r="B15" s="66">
        <v>100.79606122870794</v>
      </c>
      <c r="C15" s="66">
        <v>102.70643194430028</v>
      </c>
      <c r="D15" s="13"/>
      <c r="E15" s="14"/>
      <c r="F15" s="13"/>
      <c r="G15" s="13"/>
      <c r="I15" s="2"/>
      <c r="J15" s="2"/>
    </row>
    <row r="16" spans="1:10" x14ac:dyDescent="0.25">
      <c r="A16" t="s">
        <v>85</v>
      </c>
      <c r="B16" s="66">
        <v>100.16600435111341</v>
      </c>
      <c r="C16" s="66">
        <v>102.69915218300137</v>
      </c>
      <c r="D16" s="13"/>
      <c r="E16" s="14"/>
      <c r="F16" s="13"/>
      <c r="G16" s="13"/>
      <c r="I16" s="2"/>
      <c r="J16" s="2"/>
    </row>
    <row r="17" spans="1:10" x14ac:dyDescent="0.25">
      <c r="A17" t="s">
        <v>86</v>
      </c>
      <c r="B17" s="66">
        <v>104.84997922272909</v>
      </c>
      <c r="C17" s="66">
        <v>107.40594819867212</v>
      </c>
      <c r="D17" s="13"/>
      <c r="E17" s="14"/>
      <c r="F17" s="13"/>
      <c r="G17" s="13"/>
      <c r="I17" s="2"/>
      <c r="J17" s="2"/>
    </row>
    <row r="18" spans="1:10" x14ac:dyDescent="0.25">
      <c r="A18" t="s">
        <v>87</v>
      </c>
      <c r="B18" s="66">
        <v>100.65550974154824</v>
      </c>
      <c r="C18" s="66">
        <v>103.63547065299252</v>
      </c>
      <c r="D18" s="13"/>
      <c r="E18" s="14"/>
      <c r="F18" s="13"/>
      <c r="G18" s="13"/>
    </row>
    <row r="19" spans="1:10" x14ac:dyDescent="0.25">
      <c r="A19" t="s">
        <v>88</v>
      </c>
      <c r="B19" s="66">
        <v>97.32563273314932</v>
      </c>
      <c r="C19" s="66">
        <v>100.23986398355164</v>
      </c>
      <c r="D19" s="13"/>
      <c r="E19" s="14"/>
      <c r="F19" s="13"/>
      <c r="G19" s="13"/>
    </row>
    <row r="20" spans="1:10" x14ac:dyDescent="0.25">
      <c r="B20" s="1"/>
      <c r="C20" s="14"/>
      <c r="D20" s="13"/>
      <c r="E20" s="14"/>
      <c r="F20" s="13"/>
      <c r="G20" s="13"/>
    </row>
    <row r="21" spans="1:10" x14ac:dyDescent="0.25">
      <c r="B21" s="1"/>
      <c r="C21" s="14"/>
      <c r="D21" s="13"/>
      <c r="E21" s="14"/>
      <c r="F21" s="13"/>
      <c r="G21" s="13"/>
    </row>
    <row r="22" spans="1:10" x14ac:dyDescent="0.25">
      <c r="A22" s="3" t="s">
        <v>208</v>
      </c>
      <c r="B22" s="1"/>
      <c r="C22" s="14"/>
      <c r="D22" s="13"/>
      <c r="E22" s="13"/>
      <c r="F22" s="13"/>
      <c r="G22" s="13"/>
    </row>
    <row r="23" spans="1:10" x14ac:dyDescent="0.25">
      <c r="B23" s="1"/>
      <c r="C23" s="64"/>
      <c r="D23" s="13"/>
      <c r="E23" s="13"/>
      <c r="F23" s="13"/>
      <c r="G23" s="13"/>
    </row>
    <row r="24" spans="1:10" x14ac:dyDescent="0.25">
      <c r="B24" s="1" t="s">
        <v>206</v>
      </c>
      <c r="C24" s="62" t="s">
        <v>207</v>
      </c>
    </row>
    <row r="25" spans="1:10" x14ac:dyDescent="0.25">
      <c r="A25" t="s">
        <v>84</v>
      </c>
      <c r="B25" s="66">
        <v>100</v>
      </c>
      <c r="C25" s="66">
        <v>100</v>
      </c>
    </row>
    <row r="26" spans="1:10" x14ac:dyDescent="0.25">
      <c r="A26" t="s">
        <v>85</v>
      </c>
      <c r="B26" s="66">
        <v>103.46571196267</v>
      </c>
      <c r="C26" s="66">
        <v>102.80789181395184</v>
      </c>
    </row>
    <row r="27" spans="1:10" x14ac:dyDescent="0.25">
      <c r="A27" t="s">
        <v>86</v>
      </c>
      <c r="B27" s="66">
        <v>123.09645254622065</v>
      </c>
      <c r="C27" s="66">
        <v>124.8860167576922</v>
      </c>
    </row>
    <row r="28" spans="1:10" x14ac:dyDescent="0.25">
      <c r="A28" t="s">
        <v>87</v>
      </c>
      <c r="B28" s="66">
        <v>112.35474584583274</v>
      </c>
      <c r="C28" s="66">
        <v>112.55627902223786</v>
      </c>
    </row>
    <row r="29" spans="1:10" x14ac:dyDescent="0.25">
      <c r="A29" t="s">
        <v>88</v>
      </c>
      <c r="B29" s="66">
        <v>95.507026600923197</v>
      </c>
      <c r="C29" s="66">
        <v>96.379901177626252</v>
      </c>
    </row>
    <row r="30" spans="1:10" x14ac:dyDescent="0.25">
      <c r="A30" t="s">
        <v>89</v>
      </c>
      <c r="B30" s="66">
        <v>93.443947208615683</v>
      </c>
      <c r="C30" s="66">
        <v>94.009845450605809</v>
      </c>
    </row>
    <row r="31" spans="1:10" x14ac:dyDescent="0.25">
      <c r="A31" t="s">
        <v>90</v>
      </c>
      <c r="B31" s="66">
        <v>85.059477724043802</v>
      </c>
      <c r="C31" s="66">
        <v>85.628437441261525</v>
      </c>
    </row>
    <row r="32" spans="1:10" x14ac:dyDescent="0.25">
      <c r="A32" t="s">
        <v>91</v>
      </c>
      <c r="B32" s="66">
        <v>84.034684718040012</v>
      </c>
      <c r="C32" s="66">
        <v>85.35490175937538</v>
      </c>
    </row>
    <row r="33" spans="1:3" x14ac:dyDescent="0.25">
      <c r="A33" t="s">
        <v>92</v>
      </c>
      <c r="B33" s="66">
        <v>76.858331345573632</v>
      </c>
      <c r="C33" s="66">
        <v>77.509673136637844</v>
      </c>
    </row>
  </sheetData>
  <pageMargins left="0.7" right="0.7" top="0.75" bottom="0.75" header="0.3" footer="0.3"/>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137BE93-B272-44A9-A684-6C6B642018E2}">
  <dimension ref="A1:J40"/>
  <sheetViews>
    <sheetView workbookViewId="0">
      <selection activeCell="F39" sqref="F39"/>
    </sheetView>
  </sheetViews>
  <sheetFormatPr defaultColWidth="8.6640625" defaultRowHeight="13.2" x14ac:dyDescent="0.25"/>
  <cols>
    <col min="1" max="1" width="16.6640625" style="5" customWidth="1"/>
    <col min="2" max="2" width="11.6640625" style="5" customWidth="1"/>
    <col min="3" max="3" width="17.33203125" style="5" bestFit="1" customWidth="1"/>
    <col min="4" max="4" width="22.44140625" style="5" bestFit="1" customWidth="1"/>
    <col min="5" max="5" width="18" style="5" bestFit="1" customWidth="1"/>
    <col min="6" max="6" width="13.6640625" style="5" bestFit="1" customWidth="1"/>
    <col min="7" max="7" width="5.5546875" style="5" bestFit="1" customWidth="1"/>
    <col min="8" max="16384" width="8.6640625" style="5"/>
  </cols>
  <sheetData>
    <row r="1" spans="1:10" s="39" customFormat="1" x14ac:dyDescent="0.25">
      <c r="A1" s="37" t="s">
        <v>36</v>
      </c>
      <c r="B1" s="37"/>
      <c r="C1" s="37"/>
    </row>
    <row r="2" spans="1:10" x14ac:dyDescent="0.25">
      <c r="A2" s="35" t="s">
        <v>2</v>
      </c>
      <c r="B2" s="5" t="s">
        <v>37</v>
      </c>
    </row>
    <row r="3" spans="1:10" x14ac:dyDescent="0.25">
      <c r="A3" s="35" t="s">
        <v>102</v>
      </c>
      <c r="B3" s="5" t="s">
        <v>209</v>
      </c>
    </row>
    <row r="4" spans="1:10" x14ac:dyDescent="0.25">
      <c r="A4" s="35" t="s">
        <v>103</v>
      </c>
      <c r="B4" s="40" t="s">
        <v>210</v>
      </c>
    </row>
    <row r="5" spans="1:10" x14ac:dyDescent="0.25">
      <c r="A5" s="35" t="s">
        <v>3</v>
      </c>
      <c r="B5" s="5" t="s">
        <v>211</v>
      </c>
    </row>
    <row r="7" spans="1:10" s="42" customFormat="1" x14ac:dyDescent="0.25">
      <c r="A7" s="41" t="s">
        <v>59</v>
      </c>
    </row>
    <row r="8" spans="1:10" x14ac:dyDescent="0.25">
      <c r="B8" s="43"/>
      <c r="C8" s="44"/>
      <c r="D8" s="45"/>
      <c r="E8" s="34"/>
      <c r="F8" s="34"/>
      <c r="G8" s="34"/>
    </row>
    <row r="9" spans="1:10" x14ac:dyDescent="0.25">
      <c r="A9" s="34" t="s">
        <v>60</v>
      </c>
      <c r="B9" s="40"/>
      <c r="C9" s="46"/>
      <c r="D9" s="43"/>
      <c r="E9" s="40"/>
      <c r="F9" s="43"/>
      <c r="G9" s="43"/>
    </row>
    <row r="10" spans="1:10" x14ac:dyDescent="0.25">
      <c r="B10" s="40" t="s">
        <v>152</v>
      </c>
      <c r="C10" s="46" t="s">
        <v>212</v>
      </c>
      <c r="D10" s="40" t="s">
        <v>213</v>
      </c>
      <c r="E10" s="40" t="s">
        <v>214</v>
      </c>
      <c r="F10" s="40" t="s">
        <v>135</v>
      </c>
      <c r="G10" s="40"/>
      <c r="I10" s="36"/>
      <c r="J10" s="36"/>
    </row>
    <row r="11" spans="1:10" x14ac:dyDescent="0.25">
      <c r="A11" s="5" t="s">
        <v>64</v>
      </c>
      <c r="B11" s="47">
        <v>100</v>
      </c>
      <c r="C11" s="47">
        <v>100</v>
      </c>
      <c r="D11" s="47">
        <v>100</v>
      </c>
      <c r="E11" s="47">
        <v>100</v>
      </c>
      <c r="F11" s="47">
        <v>100</v>
      </c>
      <c r="G11" s="43"/>
      <c r="I11" s="36"/>
      <c r="J11" s="36"/>
    </row>
    <row r="12" spans="1:10" x14ac:dyDescent="0.25">
      <c r="A12" s="5" t="s">
        <v>65</v>
      </c>
      <c r="B12" s="47">
        <v>102.74347555467294</v>
      </c>
      <c r="C12" s="48">
        <v>95.733611125970967</v>
      </c>
      <c r="D12" s="49">
        <v>107.91699613211607</v>
      </c>
      <c r="E12" s="48">
        <v>103.98924940356198</v>
      </c>
      <c r="F12" s="49">
        <v>101.52757452127939</v>
      </c>
      <c r="G12" s="51"/>
      <c r="I12" s="36"/>
      <c r="J12" s="36"/>
    </row>
    <row r="13" spans="1:10" x14ac:dyDescent="0.25">
      <c r="A13" s="5" t="s">
        <v>66</v>
      </c>
      <c r="B13" s="47">
        <v>101.06015507057535</v>
      </c>
      <c r="C13" s="48">
        <v>92.32888887471492</v>
      </c>
      <c r="D13" s="49">
        <v>102.48248709871469</v>
      </c>
      <c r="E13" s="48">
        <v>103.3855296519902</v>
      </c>
      <c r="F13" s="49">
        <v>105.17000352091142</v>
      </c>
      <c r="G13" s="51"/>
      <c r="I13" s="36"/>
      <c r="J13" s="36"/>
    </row>
    <row r="14" spans="1:10" x14ac:dyDescent="0.25">
      <c r="A14" s="5" t="s">
        <v>67</v>
      </c>
      <c r="B14" s="47">
        <v>108.02329766758672</v>
      </c>
      <c r="C14" s="48">
        <v>105.96070174394026</v>
      </c>
      <c r="D14" s="49">
        <v>110.45201534385869</v>
      </c>
      <c r="E14" s="48">
        <v>106.07097043427747</v>
      </c>
      <c r="F14" s="49">
        <v>108.80506245938825</v>
      </c>
      <c r="G14" s="51"/>
      <c r="I14" s="36"/>
      <c r="J14" s="36"/>
    </row>
    <row r="15" spans="1:10" x14ac:dyDescent="0.25">
      <c r="A15" s="5" t="s">
        <v>68</v>
      </c>
      <c r="B15" s="47">
        <v>111.76026235410792</v>
      </c>
      <c r="C15" s="49">
        <v>108.32898269114666</v>
      </c>
      <c r="D15" s="49">
        <v>114.54021665125454</v>
      </c>
      <c r="E15" s="48">
        <v>110.90929947153039</v>
      </c>
      <c r="F15" s="49">
        <v>113.02189125881206</v>
      </c>
      <c r="G15" s="51"/>
      <c r="I15" s="36"/>
      <c r="J15" s="36"/>
    </row>
    <row r="16" spans="1:10" x14ac:dyDescent="0.25">
      <c r="A16" s="5" t="s">
        <v>69</v>
      </c>
      <c r="B16" s="47">
        <v>111.22247755178117</v>
      </c>
      <c r="C16" s="52">
        <v>116.09919414198184</v>
      </c>
      <c r="D16" s="49">
        <v>121.98023405300589</v>
      </c>
      <c r="E16" s="48">
        <v>102.94062362385068</v>
      </c>
      <c r="F16" s="49">
        <v>114.00235197591707</v>
      </c>
      <c r="G16" s="51"/>
      <c r="I16" s="36"/>
      <c r="J16" s="36"/>
    </row>
    <row r="17" spans="1:10" x14ac:dyDescent="0.25">
      <c r="A17" s="5" t="s">
        <v>70</v>
      </c>
      <c r="B17" s="47">
        <v>95.10010667894997</v>
      </c>
      <c r="C17" s="48">
        <v>96.074443754286222</v>
      </c>
      <c r="D17" s="49">
        <v>90.425639610557596</v>
      </c>
      <c r="E17" s="48">
        <v>93.978755447785886</v>
      </c>
      <c r="F17" s="49">
        <v>115.89369624592342</v>
      </c>
      <c r="G17" s="51"/>
      <c r="I17" s="36"/>
      <c r="J17" s="36"/>
    </row>
    <row r="18" spans="1:10" x14ac:dyDescent="0.25">
      <c r="A18" s="5" t="s">
        <v>71</v>
      </c>
      <c r="B18" s="47">
        <v>112.84336892223999</v>
      </c>
      <c r="C18" s="48">
        <v>115.60112222141983</v>
      </c>
      <c r="D18" s="49">
        <v>109.29569783182835</v>
      </c>
      <c r="E18" s="48">
        <v>110.16260669082074</v>
      </c>
      <c r="F18" s="49">
        <v>120.33652684035503</v>
      </c>
      <c r="G18" s="51"/>
    </row>
    <row r="19" spans="1:10" x14ac:dyDescent="0.25">
      <c r="A19" s="5" t="s">
        <v>72</v>
      </c>
      <c r="B19" s="47">
        <v>112.11772531957578</v>
      </c>
      <c r="C19" s="48">
        <v>114.88327920628947</v>
      </c>
      <c r="D19" s="49">
        <v>108.99217826391074</v>
      </c>
      <c r="E19" s="48">
        <v>109.60006513198977</v>
      </c>
      <c r="F19" s="49">
        <v>121.15639506997749</v>
      </c>
      <c r="G19" s="51"/>
    </row>
    <row r="20" spans="1:10" x14ac:dyDescent="0.25">
      <c r="A20" s="5" t="s">
        <v>73</v>
      </c>
      <c r="B20" s="47">
        <v>112.19031472475749</v>
      </c>
      <c r="C20" s="48">
        <v>115.34741761823489</v>
      </c>
      <c r="D20" s="49">
        <v>111.65162970132849</v>
      </c>
      <c r="E20" s="48">
        <v>109.03075212632056</v>
      </c>
      <c r="F20" s="49">
        <v>124.59848777856143</v>
      </c>
      <c r="G20" s="51"/>
    </row>
    <row r="21" spans="1:10" x14ac:dyDescent="0.25">
      <c r="A21" s="5" t="s">
        <v>74</v>
      </c>
      <c r="B21" s="47">
        <v>114.64571827957664</v>
      </c>
      <c r="C21" s="48">
        <v>116.21773997065965</v>
      </c>
      <c r="D21" s="49">
        <v>131.21692830848838</v>
      </c>
      <c r="E21" s="48">
        <v>107.28507864351488</v>
      </c>
      <c r="F21" s="49">
        <v>125.16811449498839</v>
      </c>
      <c r="G21" s="51"/>
    </row>
    <row r="22" spans="1:10" x14ac:dyDescent="0.25">
      <c r="A22" s="5" t="s">
        <v>75</v>
      </c>
      <c r="B22" s="47">
        <v>115.70776917420147</v>
      </c>
      <c r="C22" s="48">
        <v>108.67334258689547</v>
      </c>
      <c r="D22" s="49">
        <v>129.30307691670319</v>
      </c>
      <c r="E22" s="49">
        <v>112.36573762602305</v>
      </c>
      <c r="F22" s="49">
        <v>126.16302073235173</v>
      </c>
      <c r="G22" s="51"/>
    </row>
    <row r="23" spans="1:10" x14ac:dyDescent="0.25">
      <c r="A23" s="5" t="s">
        <v>76</v>
      </c>
      <c r="B23" s="47">
        <v>109.59938838882464</v>
      </c>
      <c r="C23" s="52">
        <v>102.89485779544643</v>
      </c>
      <c r="D23" s="49">
        <v>123.64547292023451</v>
      </c>
      <c r="E23" s="49">
        <v>106.01437586038489</v>
      </c>
      <c r="F23" s="49">
        <v>127.20169762605281</v>
      </c>
      <c r="G23" s="51"/>
    </row>
    <row r="24" spans="1:10" x14ac:dyDescent="0.25">
      <c r="A24" s="5" t="s">
        <v>77</v>
      </c>
      <c r="B24" s="47">
        <v>108.95049774312078</v>
      </c>
      <c r="C24" s="53">
        <v>97.475835267381456</v>
      </c>
      <c r="D24" s="6">
        <v>125.83257370312255</v>
      </c>
      <c r="E24" s="6">
        <v>106.73319626145133</v>
      </c>
      <c r="F24" s="6">
        <v>128.01337953047326</v>
      </c>
    </row>
    <row r="25" spans="1:10" x14ac:dyDescent="0.25">
      <c r="A25" s="5" t="s">
        <v>78</v>
      </c>
      <c r="B25" s="47">
        <v>110.92877965809882</v>
      </c>
      <c r="C25" s="47">
        <v>98.776930864549229</v>
      </c>
      <c r="D25" s="6">
        <v>115.82009463293308</v>
      </c>
      <c r="E25" s="6">
        <v>112.11828815825152</v>
      </c>
      <c r="F25" s="6">
        <v>129.45310424601806</v>
      </c>
    </row>
    <row r="26" spans="1:10" x14ac:dyDescent="0.25">
      <c r="A26" s="5" t="s">
        <v>79</v>
      </c>
      <c r="B26" s="47">
        <v>114.70913052120058</v>
      </c>
      <c r="C26" s="47">
        <v>101.40544445996547</v>
      </c>
      <c r="D26" s="6">
        <v>122.0353271324534</v>
      </c>
      <c r="E26" s="6">
        <v>115.53440938276005</v>
      </c>
      <c r="F26" s="6">
        <v>132.54191511816231</v>
      </c>
    </row>
    <row r="27" spans="1:10" x14ac:dyDescent="0.25">
      <c r="A27" s="5" t="s">
        <v>80</v>
      </c>
      <c r="B27" s="47">
        <v>112.55224615562037</v>
      </c>
      <c r="C27" s="47">
        <v>93.743332689831661</v>
      </c>
      <c r="D27" s="6">
        <v>124.27112982974037</v>
      </c>
      <c r="E27" s="6">
        <v>114.88180337660383</v>
      </c>
      <c r="F27" s="6">
        <v>132.20170790046598</v>
      </c>
    </row>
    <row r="28" spans="1:10" x14ac:dyDescent="0.25">
      <c r="A28" s="5" t="s">
        <v>81</v>
      </c>
      <c r="B28" s="6">
        <v>123.86290085316203</v>
      </c>
      <c r="C28" s="47">
        <v>92.673652823725632</v>
      </c>
      <c r="D28" s="6">
        <v>194.4020015129573</v>
      </c>
      <c r="E28" s="6">
        <v>111.27161188268924</v>
      </c>
      <c r="F28" s="6">
        <v>135.9048046485745</v>
      </c>
    </row>
    <row r="29" spans="1:10" x14ac:dyDescent="0.25">
      <c r="A29" s="5" t="s">
        <v>82</v>
      </c>
      <c r="B29" s="6">
        <v>130.4757032458125</v>
      </c>
      <c r="C29" s="6">
        <v>89.994650144310654</v>
      </c>
      <c r="D29" s="6">
        <v>182.84801125225735</v>
      </c>
      <c r="E29" s="6">
        <v>121.18337608739454</v>
      </c>
      <c r="F29" s="6">
        <v>138.553949585075</v>
      </c>
    </row>
    <row r="30" spans="1:10" x14ac:dyDescent="0.25">
      <c r="A30" s="5" t="s">
        <v>83</v>
      </c>
      <c r="B30" s="6">
        <v>136.72911631295594</v>
      </c>
      <c r="C30" s="6">
        <v>99.910873779971723</v>
      </c>
      <c r="D30" s="6">
        <v>181.96598952793966</v>
      </c>
      <c r="E30" s="6">
        <v>126.87414846754166</v>
      </c>
      <c r="F30" s="6">
        <v>141.4964166894442</v>
      </c>
    </row>
    <row r="31" spans="1:10" x14ac:dyDescent="0.25">
      <c r="A31" s="5" t="s">
        <v>84</v>
      </c>
      <c r="B31" s="6">
        <v>126.83815736787454</v>
      </c>
      <c r="C31" s="6">
        <v>102.89786938577188</v>
      </c>
      <c r="D31" s="6">
        <v>143.81678762292708</v>
      </c>
      <c r="E31" s="6">
        <v>126.44416953990556</v>
      </c>
      <c r="F31" s="6">
        <v>143.55715009583267</v>
      </c>
    </row>
    <row r="32" spans="1:10" x14ac:dyDescent="0.25">
      <c r="A32" s="5" t="s">
        <v>85</v>
      </c>
      <c r="B32" s="6">
        <v>121.86449212168355</v>
      </c>
      <c r="C32" s="6">
        <v>87.350208809160051</v>
      </c>
      <c r="D32" s="6">
        <v>148.89088437371097</v>
      </c>
      <c r="E32" s="6">
        <v>127.22376037150165</v>
      </c>
      <c r="F32" s="6">
        <v>144.72384374513811</v>
      </c>
    </row>
    <row r="33" spans="1:6" x14ac:dyDescent="0.25">
      <c r="A33" s="5" t="s">
        <v>86</v>
      </c>
      <c r="B33" s="6">
        <v>120.56083636942081</v>
      </c>
      <c r="C33" s="6">
        <v>87.726127165799568</v>
      </c>
      <c r="D33" s="6">
        <v>161.93879823188323</v>
      </c>
      <c r="E33" s="6">
        <v>124.21095598958274</v>
      </c>
      <c r="F33" s="6">
        <v>145.91964174127372</v>
      </c>
    </row>
    <row r="34" spans="1:6" x14ac:dyDescent="0.25">
      <c r="A34" s="5" t="s">
        <v>87</v>
      </c>
      <c r="B34" s="6">
        <v>122.72239423210503</v>
      </c>
      <c r="C34" s="6">
        <v>90.114415570423517</v>
      </c>
      <c r="D34" s="6">
        <v>164.98990921751118</v>
      </c>
      <c r="E34" s="6">
        <v>123.80525855281068</v>
      </c>
      <c r="F34" s="6">
        <v>146.55841334086927</v>
      </c>
    </row>
    <row r="35" spans="1:6" x14ac:dyDescent="0.25">
      <c r="A35" s="5" t="s">
        <v>88</v>
      </c>
      <c r="B35" s="6">
        <v>117.21736530952045</v>
      </c>
      <c r="C35" s="6">
        <v>89.029034856175699</v>
      </c>
      <c r="D35" s="6">
        <v>145.77354116663554</v>
      </c>
      <c r="E35" s="6">
        <v>119.94688392439188</v>
      </c>
      <c r="F35" s="6">
        <v>146.7626840944595</v>
      </c>
    </row>
    <row r="36" spans="1:6" x14ac:dyDescent="0.25">
      <c r="A36" s="5" t="s">
        <v>89</v>
      </c>
      <c r="B36" s="6">
        <v>116.97448239595094</v>
      </c>
      <c r="C36" s="6">
        <v>90.166019011589725</v>
      </c>
      <c r="D36" s="6">
        <v>164.76220589946828</v>
      </c>
      <c r="E36" s="6">
        <v>116.33658620398977</v>
      </c>
      <c r="F36" s="6">
        <v>149.4916136222528</v>
      </c>
    </row>
    <row r="37" spans="1:6" x14ac:dyDescent="0.25">
      <c r="A37" s="5" t="s">
        <v>90</v>
      </c>
      <c r="B37" s="6">
        <v>118.04793327464682</v>
      </c>
      <c r="C37" s="6">
        <v>94.911709737274364</v>
      </c>
      <c r="D37" s="6">
        <v>160.57778477456969</v>
      </c>
      <c r="E37" s="6">
        <v>116.69746965312919</v>
      </c>
      <c r="F37" s="6">
        <v>152.10127650104187</v>
      </c>
    </row>
    <row r="38" spans="1:6" x14ac:dyDescent="0.25">
      <c r="A38" s="5" t="s">
        <v>91</v>
      </c>
      <c r="B38" s="6">
        <v>116.77695920593368</v>
      </c>
      <c r="C38" s="6">
        <v>88.266958353694875</v>
      </c>
      <c r="D38" s="6">
        <v>138.86284542859676</v>
      </c>
      <c r="E38" s="6">
        <v>120.44838644904839</v>
      </c>
      <c r="F38" s="6">
        <v>154.25805821699078</v>
      </c>
    </row>
    <row r="39" spans="1:6" x14ac:dyDescent="0.25">
      <c r="A39" s="5" t="s">
        <v>92</v>
      </c>
      <c r="B39" s="6">
        <v>113.11147008803535</v>
      </c>
      <c r="C39" s="6">
        <v>86.653572256490278</v>
      </c>
      <c r="D39" s="6">
        <v>144.34891117094725</v>
      </c>
      <c r="E39" s="6">
        <v>113.81714345048111</v>
      </c>
      <c r="F39" s="6">
        <v>148.86612152921248</v>
      </c>
    </row>
    <row r="40" spans="1:6" x14ac:dyDescent="0.25">
      <c r="B40" s="6"/>
      <c r="C40" s="6"/>
      <c r="D40" s="6"/>
      <c r="E40" s="6"/>
      <c r="F40" s="6"/>
    </row>
  </sheetData>
  <pageMargins left="0.7" right="0.7" top="0.75" bottom="0.75" header="0.3" footer="0.3"/>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D67A67B-3FF1-4DF4-9410-BB831FF5ACEA}">
  <dimension ref="A1:J39"/>
  <sheetViews>
    <sheetView workbookViewId="0">
      <selection activeCell="B39" sqref="B39"/>
    </sheetView>
  </sheetViews>
  <sheetFormatPr defaultColWidth="8.6640625" defaultRowHeight="13.2" x14ac:dyDescent="0.25"/>
  <cols>
    <col min="1" max="1" width="16.6640625" style="5" customWidth="1"/>
    <col min="2" max="2" width="67.88671875" style="5" customWidth="1"/>
    <col min="3" max="3" width="52.6640625" style="5" bestFit="1" customWidth="1"/>
    <col min="4" max="4" width="48.6640625" style="5" bestFit="1" customWidth="1"/>
    <col min="5" max="7" width="5.5546875" style="5" bestFit="1" customWidth="1"/>
    <col min="8" max="16384" width="8.6640625" style="5"/>
  </cols>
  <sheetData>
    <row r="1" spans="1:10" s="39" customFormat="1" x14ac:dyDescent="0.25">
      <c r="A1" s="37" t="s">
        <v>38</v>
      </c>
      <c r="B1" s="37"/>
      <c r="C1" s="37"/>
    </row>
    <row r="2" spans="1:10" x14ac:dyDescent="0.25">
      <c r="A2" s="35" t="s">
        <v>2</v>
      </c>
      <c r="B2" s="5" t="s">
        <v>39</v>
      </c>
    </row>
    <row r="3" spans="1:10" x14ac:dyDescent="0.25">
      <c r="A3" s="35" t="s">
        <v>102</v>
      </c>
      <c r="B3" s="5" t="s">
        <v>215</v>
      </c>
    </row>
    <row r="4" spans="1:10" x14ac:dyDescent="0.25">
      <c r="A4" s="35" t="s">
        <v>103</v>
      </c>
      <c r="B4" s="40" t="s">
        <v>216</v>
      </c>
    </row>
    <row r="5" spans="1:10" x14ac:dyDescent="0.25">
      <c r="A5" s="35" t="s">
        <v>3</v>
      </c>
      <c r="B5" s="5" t="s">
        <v>217</v>
      </c>
    </row>
    <row r="7" spans="1:10" s="42" customFormat="1" x14ac:dyDescent="0.25">
      <c r="A7" s="41" t="s">
        <v>59</v>
      </c>
    </row>
    <row r="8" spans="1:10" x14ac:dyDescent="0.25">
      <c r="B8" s="43"/>
      <c r="C8" s="44"/>
      <c r="D8" s="45"/>
      <c r="E8" s="34"/>
      <c r="F8" s="34"/>
      <c r="G8" s="34"/>
    </row>
    <row r="9" spans="1:10" x14ac:dyDescent="0.25">
      <c r="A9" s="34" t="s">
        <v>60</v>
      </c>
      <c r="B9" s="40"/>
      <c r="C9" s="46"/>
      <c r="D9" s="43"/>
      <c r="E9" s="40"/>
      <c r="F9" s="43"/>
      <c r="G9" s="43"/>
    </row>
    <row r="10" spans="1:10" x14ac:dyDescent="0.25">
      <c r="B10" s="40" t="s">
        <v>61</v>
      </c>
      <c r="C10" s="46" t="s">
        <v>62</v>
      </c>
      <c r="D10" s="40" t="s">
        <v>63</v>
      </c>
      <c r="E10" s="40"/>
      <c r="F10" s="40"/>
      <c r="G10" s="40"/>
      <c r="I10" s="36"/>
      <c r="J10" s="36"/>
    </row>
    <row r="11" spans="1:10" x14ac:dyDescent="0.25">
      <c r="A11" s="5" t="s">
        <v>64</v>
      </c>
      <c r="B11" s="47">
        <v>100</v>
      </c>
      <c r="C11" s="47">
        <v>100</v>
      </c>
      <c r="D11" s="47">
        <v>100</v>
      </c>
      <c r="E11" s="43"/>
      <c r="F11" s="43"/>
      <c r="G11" s="43"/>
      <c r="I11" s="36"/>
      <c r="J11" s="36"/>
    </row>
    <row r="12" spans="1:10" x14ac:dyDescent="0.25">
      <c r="A12" s="5" t="s">
        <v>65</v>
      </c>
      <c r="B12" s="47">
        <v>86.407309101495827</v>
      </c>
      <c r="C12" s="48">
        <v>103.3599397391438</v>
      </c>
      <c r="D12" s="49">
        <v>101.52757452127939</v>
      </c>
      <c r="E12" s="50"/>
      <c r="F12" s="51"/>
      <c r="G12" s="51"/>
      <c r="I12" s="36"/>
      <c r="J12" s="36"/>
    </row>
    <row r="13" spans="1:10" x14ac:dyDescent="0.25">
      <c r="A13" s="5" t="s">
        <v>66</v>
      </c>
      <c r="B13" s="47">
        <v>73.93617348876262</v>
      </c>
      <c r="C13" s="48">
        <v>105.0898993332563</v>
      </c>
      <c r="D13" s="49">
        <v>105.17000352091142</v>
      </c>
      <c r="E13" s="50"/>
      <c r="F13" s="51"/>
      <c r="G13" s="51"/>
      <c r="I13" s="36"/>
      <c r="J13" s="36"/>
    </row>
    <row r="14" spans="1:10" x14ac:dyDescent="0.25">
      <c r="A14" s="5" t="s">
        <v>67</v>
      </c>
      <c r="B14" s="47">
        <v>78.959310666786592</v>
      </c>
      <c r="C14" s="48">
        <v>105.13755881086513</v>
      </c>
      <c r="D14" s="49">
        <v>108.80506245938825</v>
      </c>
      <c r="E14" s="50"/>
      <c r="F14" s="51"/>
      <c r="G14" s="51"/>
      <c r="I14" s="36"/>
      <c r="J14" s="36"/>
    </row>
    <row r="15" spans="1:10" x14ac:dyDescent="0.25">
      <c r="A15" s="5" t="s">
        <v>68</v>
      </c>
      <c r="B15" s="47">
        <v>81.647643259137283</v>
      </c>
      <c r="C15" s="49">
        <v>103.14579263552272</v>
      </c>
      <c r="D15" s="49">
        <v>113.02189125881206</v>
      </c>
      <c r="E15" s="50"/>
      <c r="F15" s="51"/>
      <c r="G15" s="51"/>
      <c r="I15" s="36"/>
      <c r="J15" s="36"/>
    </row>
    <row r="16" spans="1:10" x14ac:dyDescent="0.25">
      <c r="A16" s="5" t="s">
        <v>69</v>
      </c>
      <c r="B16" s="47">
        <v>78.3632542717354</v>
      </c>
      <c r="C16" s="52">
        <v>102.78582921377159</v>
      </c>
      <c r="D16" s="49">
        <v>114.00235197591707</v>
      </c>
      <c r="E16" s="50"/>
      <c r="F16" s="51"/>
      <c r="G16" s="51"/>
      <c r="I16" s="36"/>
      <c r="J16" s="36"/>
    </row>
    <row r="17" spans="1:10" x14ac:dyDescent="0.25">
      <c r="A17" s="5" t="s">
        <v>70</v>
      </c>
      <c r="B17" s="47">
        <v>68.944130111900265</v>
      </c>
      <c r="C17" s="48">
        <v>78.233331311825822</v>
      </c>
      <c r="D17" s="49">
        <v>115.89369624592342</v>
      </c>
      <c r="E17" s="50"/>
      <c r="F17" s="51"/>
      <c r="G17" s="51"/>
      <c r="I17" s="36"/>
      <c r="J17" s="36"/>
    </row>
    <row r="18" spans="1:10" x14ac:dyDescent="0.25">
      <c r="A18" s="5" t="s">
        <v>71</v>
      </c>
      <c r="B18" s="47">
        <v>70.841156531232599</v>
      </c>
      <c r="C18" s="48">
        <v>102.1087104491252</v>
      </c>
      <c r="D18" s="49">
        <v>120.33652684035503</v>
      </c>
      <c r="E18" s="50"/>
      <c r="F18" s="51"/>
      <c r="G18" s="51"/>
    </row>
    <row r="19" spans="1:10" x14ac:dyDescent="0.25">
      <c r="A19" s="5" t="s">
        <v>72</v>
      </c>
      <c r="B19" s="47">
        <v>71.041191594762353</v>
      </c>
      <c r="C19" s="48">
        <v>95.130357749630122</v>
      </c>
      <c r="D19" s="49">
        <v>121.15639506997746</v>
      </c>
      <c r="E19" s="50"/>
      <c r="F19" s="51"/>
      <c r="G19" s="51"/>
    </row>
    <row r="20" spans="1:10" x14ac:dyDescent="0.25">
      <c r="A20" s="5" t="s">
        <v>73</v>
      </c>
      <c r="B20" s="47">
        <v>65.918308304748678</v>
      </c>
      <c r="C20" s="48">
        <v>95.477884756757831</v>
      </c>
      <c r="D20" s="49">
        <v>124.59848777856142</v>
      </c>
      <c r="E20" s="50"/>
      <c r="F20" s="51"/>
      <c r="G20" s="51"/>
    </row>
    <row r="21" spans="1:10" x14ac:dyDescent="0.25">
      <c r="A21" s="5" t="s">
        <v>74</v>
      </c>
      <c r="B21" s="47">
        <v>67.742988498057827</v>
      </c>
      <c r="C21" s="48">
        <v>93.445793358831651</v>
      </c>
      <c r="D21" s="49">
        <v>125.16811449498837</v>
      </c>
      <c r="E21" s="50"/>
      <c r="F21" s="51"/>
      <c r="G21" s="51"/>
    </row>
    <row r="22" spans="1:10" x14ac:dyDescent="0.25">
      <c r="A22" s="5" t="s">
        <v>75</v>
      </c>
      <c r="B22" s="47">
        <v>66.166613557275269</v>
      </c>
      <c r="C22" s="48">
        <v>93.597835040496378</v>
      </c>
      <c r="D22" s="49">
        <v>126.16302073235173</v>
      </c>
      <c r="E22" s="51"/>
      <c r="F22" s="51"/>
      <c r="G22" s="51"/>
    </row>
    <row r="23" spans="1:10" x14ac:dyDescent="0.25">
      <c r="A23" s="5" t="s">
        <v>76</v>
      </c>
      <c r="B23" s="47">
        <v>61.4982445967199</v>
      </c>
      <c r="C23" s="52">
        <v>92.229748780690585</v>
      </c>
      <c r="D23" s="49">
        <v>127.20169762605281</v>
      </c>
      <c r="E23" s="51"/>
      <c r="F23" s="51"/>
      <c r="G23" s="51"/>
    </row>
    <row r="24" spans="1:10" x14ac:dyDescent="0.25">
      <c r="A24" s="5" t="s">
        <v>77</v>
      </c>
      <c r="B24" s="47">
        <v>53.726190934242332</v>
      </c>
      <c r="C24" s="53">
        <v>84.435968288916371</v>
      </c>
      <c r="D24" s="6">
        <v>128.01337953047326</v>
      </c>
    </row>
    <row r="25" spans="1:10" x14ac:dyDescent="0.25">
      <c r="A25" s="5" t="s">
        <v>78</v>
      </c>
      <c r="B25" s="47">
        <v>55.289838067272647</v>
      </c>
      <c r="C25" s="47">
        <v>91.383048057902954</v>
      </c>
      <c r="D25" s="6">
        <v>129.45310424601806</v>
      </c>
    </row>
    <row r="26" spans="1:10" x14ac:dyDescent="0.25">
      <c r="A26" s="5" t="s">
        <v>79</v>
      </c>
      <c r="B26" s="47">
        <v>53.641549157342737</v>
      </c>
      <c r="C26" s="47">
        <v>93.899301054857759</v>
      </c>
      <c r="D26" s="6">
        <v>132.54191511816228</v>
      </c>
    </row>
    <row r="27" spans="1:10" x14ac:dyDescent="0.25">
      <c r="A27" s="5" t="s">
        <v>80</v>
      </c>
      <c r="B27" s="47">
        <v>54.513770252768325</v>
      </c>
      <c r="C27" s="47">
        <v>96.299808007876564</v>
      </c>
      <c r="D27" s="6">
        <v>132.20170790046598</v>
      </c>
    </row>
    <row r="28" spans="1:10" x14ac:dyDescent="0.25">
      <c r="A28" s="5" t="s">
        <v>81</v>
      </c>
      <c r="B28" s="6">
        <v>52.017793460797826</v>
      </c>
      <c r="C28" s="47">
        <v>90.706280590596165</v>
      </c>
      <c r="D28" s="6">
        <v>135.90480464857447</v>
      </c>
    </row>
    <row r="29" spans="1:10" x14ac:dyDescent="0.25">
      <c r="A29" s="5" t="s">
        <v>82</v>
      </c>
      <c r="B29" s="6">
        <v>55.816453812696075</v>
      </c>
      <c r="C29" s="6">
        <v>96.125523173706185</v>
      </c>
      <c r="D29" s="6">
        <v>138.553949585075</v>
      </c>
    </row>
    <row r="30" spans="1:10" x14ac:dyDescent="0.25">
      <c r="A30" s="5" t="s">
        <v>83</v>
      </c>
      <c r="B30" s="6">
        <v>61.818103035235751</v>
      </c>
      <c r="C30" s="6">
        <v>104.32570165637871</v>
      </c>
      <c r="D30" s="6">
        <v>141.4964166894442</v>
      </c>
    </row>
    <row r="31" spans="1:10" x14ac:dyDescent="0.25">
      <c r="A31" s="5" t="s">
        <v>84</v>
      </c>
      <c r="B31" s="6">
        <v>61.643805688558913</v>
      </c>
      <c r="C31" s="6">
        <v>102.46974667629991</v>
      </c>
      <c r="D31" s="6">
        <v>143.55715009583267</v>
      </c>
    </row>
    <row r="32" spans="1:10" x14ac:dyDescent="0.25">
      <c r="A32" s="5" t="s">
        <v>85</v>
      </c>
      <c r="B32" s="6">
        <v>56.404142480078043</v>
      </c>
      <c r="C32" s="6">
        <v>97.283878747333347</v>
      </c>
      <c r="D32" s="6">
        <v>144.72384374513808</v>
      </c>
    </row>
    <row r="33" spans="1:4" x14ac:dyDescent="0.25">
      <c r="A33" s="5" t="s">
        <v>86</v>
      </c>
      <c r="B33" s="6">
        <v>60.969357618043276</v>
      </c>
      <c r="C33" s="6">
        <v>101.59255505461068</v>
      </c>
      <c r="D33" s="6">
        <v>145.91964174127375</v>
      </c>
    </row>
    <row r="34" spans="1:4" x14ac:dyDescent="0.25">
      <c r="A34" s="5" t="s">
        <v>87</v>
      </c>
      <c r="B34" s="6">
        <v>62.774453699988896</v>
      </c>
      <c r="C34" s="6">
        <v>105.9249192155544</v>
      </c>
      <c r="D34" s="6">
        <v>146.55841334086924</v>
      </c>
    </row>
    <row r="35" spans="1:4" x14ac:dyDescent="0.25">
      <c r="A35" s="5" t="s">
        <v>88</v>
      </c>
      <c r="B35" s="6">
        <v>58.989758304942775</v>
      </c>
      <c r="C35" s="6">
        <v>99.624144550363226</v>
      </c>
      <c r="D35" s="6">
        <v>146.7626840944595</v>
      </c>
    </row>
    <row r="36" spans="1:4" x14ac:dyDescent="0.25">
      <c r="A36" s="5" t="s">
        <v>89</v>
      </c>
      <c r="B36" s="6">
        <v>55.013528514024216</v>
      </c>
      <c r="C36" s="6">
        <v>98.798114856762382</v>
      </c>
      <c r="D36" s="6">
        <v>149.4916136222528</v>
      </c>
    </row>
    <row r="37" spans="1:4" x14ac:dyDescent="0.25">
      <c r="A37" s="5" t="s">
        <v>90</v>
      </c>
      <c r="B37" s="6">
        <v>50.954154258782403</v>
      </c>
      <c r="C37" s="6">
        <v>101.45246776321872</v>
      </c>
      <c r="D37" s="6">
        <v>152.10127650104187</v>
      </c>
    </row>
    <row r="38" spans="1:4" x14ac:dyDescent="0.25">
      <c r="A38" s="5" t="s">
        <v>91</v>
      </c>
      <c r="B38" s="6">
        <v>47.600356649743865</v>
      </c>
      <c r="C38" s="6">
        <v>94.742719151350869</v>
      </c>
      <c r="D38" s="6">
        <v>154.25805821699078</v>
      </c>
    </row>
    <row r="39" spans="1:4" x14ac:dyDescent="0.25">
      <c r="A39" s="5" t="s">
        <v>92</v>
      </c>
      <c r="B39" s="6">
        <v>46.607715290427777</v>
      </c>
      <c r="C39" s="6">
        <v>88.046656569243282</v>
      </c>
      <c r="D39" s="6">
        <v>148.86612152921248</v>
      </c>
    </row>
  </sheetData>
  <pageMargins left="0.7" right="0.7" top="0.75" bottom="0.75" header="0.3" footer="0.3"/>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39891B1-6070-4EFD-8E16-BC342F4F1F16}">
  <dimension ref="A1:Q58"/>
  <sheetViews>
    <sheetView zoomScaleNormal="100" workbookViewId="0">
      <selection activeCell="A33" sqref="A33"/>
    </sheetView>
  </sheetViews>
  <sheetFormatPr defaultColWidth="8.6640625" defaultRowHeight="13.2" x14ac:dyDescent="0.25"/>
  <cols>
    <col min="1" max="1" width="16.6640625" style="5" customWidth="1"/>
    <col min="2" max="2" width="21.33203125" style="5" customWidth="1"/>
    <col min="3" max="3" width="18.33203125" style="5" bestFit="1" customWidth="1"/>
    <col min="4" max="5" width="23.5546875" style="5" bestFit="1" customWidth="1"/>
    <col min="6" max="6" width="5.5546875" style="5" bestFit="1" customWidth="1"/>
    <col min="7" max="7" width="34.6640625" style="5" bestFit="1" customWidth="1"/>
    <col min="8" max="8" width="18.33203125" style="5" bestFit="1" customWidth="1"/>
    <col min="9" max="9" width="17.6640625" style="5" bestFit="1" customWidth="1"/>
    <col min="10" max="11" width="23.5546875" style="5" bestFit="1" customWidth="1"/>
    <col min="12" max="12" width="8.109375" style="5" customWidth="1"/>
    <col min="13" max="13" width="34.6640625" style="5" bestFit="1" customWidth="1"/>
    <col min="14" max="14" width="18.33203125" style="5" bestFit="1" customWidth="1"/>
    <col min="15" max="15" width="17.6640625" style="5" bestFit="1" customWidth="1"/>
    <col min="16" max="16" width="23.5546875" style="5" bestFit="1" customWidth="1"/>
    <col min="17" max="18" width="22.5546875" style="5" bestFit="1" customWidth="1"/>
    <col min="19" max="16384" width="8.6640625" style="5"/>
  </cols>
  <sheetData>
    <row r="1" spans="1:17" s="39" customFormat="1" x14ac:dyDescent="0.25">
      <c r="A1" s="37" t="s">
        <v>40</v>
      </c>
      <c r="B1" s="37"/>
      <c r="C1" s="37"/>
    </row>
    <row r="2" spans="1:17" x14ac:dyDescent="0.25">
      <c r="A2" s="35" t="s">
        <v>2</v>
      </c>
      <c r="B2" s="5" t="s">
        <v>41</v>
      </c>
    </row>
    <row r="3" spans="1:17" x14ac:dyDescent="0.25">
      <c r="A3" s="35" t="s">
        <v>102</v>
      </c>
      <c r="B3" s="5" t="s">
        <v>218</v>
      </c>
    </row>
    <row r="4" spans="1:17" x14ac:dyDescent="0.25">
      <c r="A4" s="35" t="s">
        <v>103</v>
      </c>
      <c r="B4" s="40" t="s">
        <v>219</v>
      </c>
    </row>
    <row r="5" spans="1:17" x14ac:dyDescent="0.25">
      <c r="A5" s="35" t="s">
        <v>3</v>
      </c>
      <c r="B5" s="5" t="s">
        <v>220</v>
      </c>
    </row>
    <row r="7" spans="1:17" s="42" customFormat="1" x14ac:dyDescent="0.25">
      <c r="A7" s="41" t="s">
        <v>59</v>
      </c>
    </row>
    <row r="8" spans="1:17" x14ac:dyDescent="0.25">
      <c r="A8" s="34"/>
    </row>
    <row r="9" spans="1:17" x14ac:dyDescent="0.25">
      <c r="A9" s="34" t="s">
        <v>221</v>
      </c>
      <c r="B9" s="43"/>
      <c r="C9" s="44"/>
      <c r="D9" s="45"/>
      <c r="E9" s="34"/>
      <c r="F9" s="34"/>
      <c r="G9" s="34" t="s">
        <v>222</v>
      </c>
      <c r="H9" s="43"/>
      <c r="I9" s="44"/>
      <c r="J9" s="45"/>
      <c r="K9" s="34"/>
      <c r="M9" s="34" t="s">
        <v>223</v>
      </c>
      <c r="N9" s="43"/>
      <c r="O9" s="44"/>
      <c r="P9" s="45"/>
      <c r="Q9" s="34"/>
    </row>
    <row r="10" spans="1:17" x14ac:dyDescent="0.25">
      <c r="A10" s="43" t="s">
        <v>224</v>
      </c>
      <c r="C10" s="61"/>
      <c r="D10" s="45"/>
      <c r="E10" s="34"/>
      <c r="F10" s="43"/>
      <c r="G10" s="43" t="s">
        <v>224</v>
      </c>
      <c r="I10" s="61"/>
      <c r="J10" s="45"/>
      <c r="K10" s="34"/>
      <c r="M10" s="43" t="s">
        <v>224</v>
      </c>
      <c r="O10" s="61"/>
      <c r="P10" s="45"/>
      <c r="Q10" s="34"/>
    </row>
    <row r="11" spans="1:17" x14ac:dyDescent="0.25">
      <c r="B11" s="40" t="s">
        <v>127</v>
      </c>
      <c r="C11" s="46" t="s">
        <v>132</v>
      </c>
      <c r="D11" s="40" t="s">
        <v>133</v>
      </c>
      <c r="E11" s="40"/>
      <c r="F11" s="40"/>
      <c r="H11" s="40" t="s">
        <v>127</v>
      </c>
      <c r="I11" s="46" t="s">
        <v>132</v>
      </c>
      <c r="J11" s="40" t="s">
        <v>133</v>
      </c>
      <c r="K11" s="40"/>
      <c r="N11" s="40" t="s">
        <v>127</v>
      </c>
      <c r="O11" s="46" t="s">
        <v>132</v>
      </c>
      <c r="P11" s="40" t="s">
        <v>133</v>
      </c>
      <c r="Q11" s="40"/>
    </row>
    <row r="12" spans="1:17" x14ac:dyDescent="0.25">
      <c r="A12" s="5" t="s">
        <v>71</v>
      </c>
      <c r="B12" s="47">
        <v>100</v>
      </c>
      <c r="C12" s="47">
        <v>100</v>
      </c>
      <c r="D12" s="47">
        <v>100</v>
      </c>
      <c r="E12" s="40"/>
      <c r="F12" s="43"/>
      <c r="G12" s="5" t="s">
        <v>71</v>
      </c>
      <c r="H12" s="47">
        <v>100</v>
      </c>
      <c r="I12" s="6">
        <v>100</v>
      </c>
      <c r="J12" s="6">
        <v>100</v>
      </c>
      <c r="K12" s="40"/>
      <c r="M12" s="5" t="s">
        <v>71</v>
      </c>
      <c r="N12" s="47">
        <v>100</v>
      </c>
      <c r="O12" s="47">
        <v>100</v>
      </c>
      <c r="P12" s="47">
        <v>100</v>
      </c>
      <c r="Q12" s="40"/>
    </row>
    <row r="13" spans="1:17" x14ac:dyDescent="0.25">
      <c r="A13" s="5" t="s">
        <v>72</v>
      </c>
      <c r="B13" s="47">
        <v>100.2823712560954</v>
      </c>
      <c r="C13" s="47">
        <v>98.038840038427608</v>
      </c>
      <c r="D13" s="47">
        <v>109.973274984399</v>
      </c>
      <c r="E13" s="43"/>
      <c r="F13" s="51"/>
      <c r="G13" s="5" t="s">
        <v>72</v>
      </c>
      <c r="H13" s="47">
        <v>100.2823712560954</v>
      </c>
      <c r="I13" s="6">
        <v>99.328824776716672</v>
      </c>
      <c r="J13" s="6">
        <v>105.39105519438117</v>
      </c>
      <c r="K13" s="43"/>
      <c r="M13" s="5" t="s">
        <v>72</v>
      </c>
      <c r="N13" s="47">
        <v>100.2823712560954</v>
      </c>
      <c r="O13" s="47">
        <v>99.328824775775345</v>
      </c>
      <c r="P13" s="47">
        <v>105.39105519338237</v>
      </c>
      <c r="Q13" s="43"/>
    </row>
    <row r="14" spans="1:17" x14ac:dyDescent="0.25">
      <c r="A14" s="5" t="s">
        <v>73</v>
      </c>
      <c r="B14" s="47">
        <v>93.050864119766985</v>
      </c>
      <c r="C14" s="48">
        <v>87.806447509861897</v>
      </c>
      <c r="D14" s="49">
        <v>111.03566738967965</v>
      </c>
      <c r="E14" s="50"/>
      <c r="F14" s="51"/>
      <c r="G14" s="5" t="s">
        <v>73</v>
      </c>
      <c r="H14" s="47">
        <v>93.050864119766985</v>
      </c>
      <c r="I14" s="6">
        <v>88.961795499680534</v>
      </c>
      <c r="J14" s="6">
        <v>106.40918124397889</v>
      </c>
      <c r="K14" s="50"/>
      <c r="M14" s="5" t="s">
        <v>73</v>
      </c>
      <c r="N14" s="47">
        <v>93.050864119766985</v>
      </c>
      <c r="O14" s="48">
        <v>88.961795503412716</v>
      </c>
      <c r="P14" s="49">
        <v>106.40918124844301</v>
      </c>
      <c r="Q14" s="50"/>
    </row>
    <row r="15" spans="1:17" x14ac:dyDescent="0.25">
      <c r="A15" s="5" t="s">
        <v>74</v>
      </c>
      <c r="B15" s="47">
        <v>95.626598738815275</v>
      </c>
      <c r="C15" s="48">
        <v>87.291589429829799</v>
      </c>
      <c r="D15" s="49">
        <v>120.30731844315325</v>
      </c>
      <c r="E15" s="50"/>
      <c r="F15" s="51"/>
      <c r="G15" s="5" t="s">
        <v>74</v>
      </c>
      <c r="H15" s="47">
        <v>95.626598738815275</v>
      </c>
      <c r="I15" s="6">
        <v>87.291589430064633</v>
      </c>
      <c r="J15" s="6">
        <v>120.30731844347697</v>
      </c>
      <c r="K15" s="50"/>
      <c r="M15" s="5" t="s">
        <v>74</v>
      </c>
      <c r="N15" s="47">
        <v>95.626598738815275</v>
      </c>
      <c r="O15" s="48">
        <v>87.291589429829784</v>
      </c>
      <c r="P15" s="49">
        <v>120.30731844315324</v>
      </c>
      <c r="Q15" s="50"/>
    </row>
    <row r="16" spans="1:17" x14ac:dyDescent="0.25">
      <c r="A16" s="5" t="s">
        <v>75</v>
      </c>
      <c r="B16" s="47">
        <v>93.401373999454108</v>
      </c>
      <c r="C16" s="48">
        <v>84.035902160351256</v>
      </c>
      <c r="D16" s="49">
        <v>123.98218141755572</v>
      </c>
      <c r="E16" s="50"/>
      <c r="F16" s="51"/>
      <c r="G16" s="5" t="s">
        <v>75</v>
      </c>
      <c r="H16" s="47">
        <v>93.401373999454108</v>
      </c>
      <c r="I16" s="6">
        <v>85.169281102677985</v>
      </c>
      <c r="J16" s="6">
        <v>119.33284961259932</v>
      </c>
      <c r="K16" s="50"/>
      <c r="M16" s="5" t="s">
        <v>75</v>
      </c>
      <c r="N16" s="47">
        <v>93.401373999454108</v>
      </c>
      <c r="O16" s="48">
        <v>84.063895465534614</v>
      </c>
      <c r="P16" s="49">
        <v>124.47417420095867</v>
      </c>
      <c r="Q16" s="50"/>
    </row>
    <row r="17" spans="1:17" x14ac:dyDescent="0.25">
      <c r="A17" s="5" t="s">
        <v>76</v>
      </c>
      <c r="B17" s="47">
        <v>86.811463290561079</v>
      </c>
      <c r="C17" s="49">
        <v>80.156345081063492</v>
      </c>
      <c r="D17" s="49">
        <v>107.47349031389255</v>
      </c>
      <c r="E17" s="50"/>
      <c r="F17" s="51"/>
      <c r="G17" s="5" t="s">
        <v>76</v>
      </c>
      <c r="H17" s="47">
        <v>86.811463290561079</v>
      </c>
      <c r="I17" s="6">
        <v>83.406254271971747</v>
      </c>
      <c r="J17" s="6">
        <v>99.883210538736677</v>
      </c>
      <c r="K17" s="50"/>
      <c r="M17" s="5" t="s">
        <v>76</v>
      </c>
      <c r="N17" s="47">
        <v>86.811463290561079</v>
      </c>
      <c r="O17" s="49">
        <v>80.183046062103159</v>
      </c>
      <c r="P17" s="49">
        <v>107.89997241831277</v>
      </c>
      <c r="Q17" s="50"/>
    </row>
    <row r="18" spans="1:17" x14ac:dyDescent="0.25">
      <c r="A18" s="5" t="s">
        <v>77</v>
      </c>
      <c r="B18" s="47">
        <v>75.840363942329788</v>
      </c>
      <c r="C18" s="52">
        <v>71.846063197117033</v>
      </c>
      <c r="D18" s="49">
        <v>86.831921078686108</v>
      </c>
      <c r="E18" s="50"/>
      <c r="F18" s="51"/>
      <c r="G18" s="5" t="s">
        <v>77</v>
      </c>
      <c r="H18" s="47">
        <v>75.840363942329788</v>
      </c>
      <c r="I18" s="6">
        <v>75.886338622235044</v>
      </c>
      <c r="J18" s="6">
        <v>77.203072924637851</v>
      </c>
      <c r="K18" s="50"/>
      <c r="M18" s="5" t="s">
        <v>77</v>
      </c>
      <c r="N18" s="47">
        <v>75.840363942329788</v>
      </c>
      <c r="O18" s="52">
        <v>71.858182978358101</v>
      </c>
      <c r="P18" s="49">
        <v>86.996375474668469</v>
      </c>
      <c r="Q18" s="50"/>
    </row>
    <row r="19" spans="1:17" x14ac:dyDescent="0.25">
      <c r="A19" s="5" t="s">
        <v>78</v>
      </c>
      <c r="B19" s="47">
        <v>78.047621996256296</v>
      </c>
      <c r="C19" s="48">
        <v>71.902056030834345</v>
      </c>
      <c r="D19" s="49">
        <v>96.159288714090707</v>
      </c>
      <c r="E19" s="50"/>
      <c r="F19" s="51"/>
      <c r="G19" s="5" t="s">
        <v>78</v>
      </c>
      <c r="H19" s="47">
        <v>78.047621996256296</v>
      </c>
      <c r="I19" s="6">
        <v>74.936594089937614</v>
      </c>
      <c r="J19" s="6">
        <v>89.510567800009539</v>
      </c>
      <c r="K19" s="50"/>
      <c r="M19" s="5" t="s">
        <v>78</v>
      </c>
      <c r="N19" s="47">
        <v>78.047621996256296</v>
      </c>
      <c r="O19" s="48">
        <v>71.926007415255015</v>
      </c>
      <c r="P19" s="49">
        <v>96.540873193114876</v>
      </c>
      <c r="Q19" s="50"/>
    </row>
    <row r="20" spans="1:17" x14ac:dyDescent="0.25">
      <c r="A20" s="5" t="s">
        <v>79</v>
      </c>
      <c r="B20" s="47">
        <v>75.720882865164882</v>
      </c>
      <c r="C20" s="48">
        <v>73.029339396618823</v>
      </c>
      <c r="D20" s="49">
        <v>87.38771402880171</v>
      </c>
      <c r="E20" s="50"/>
      <c r="F20" s="51"/>
      <c r="G20" s="5" t="s">
        <v>79</v>
      </c>
      <c r="H20" s="47">
        <v>75.720882865164882</v>
      </c>
      <c r="I20" s="6">
        <v>75.647889436857469</v>
      </c>
      <c r="J20" s="6">
        <v>81.02080823297571</v>
      </c>
      <c r="K20" s="50"/>
      <c r="M20" s="5" t="s">
        <v>79</v>
      </c>
      <c r="N20" s="47">
        <v>75.720882865164882</v>
      </c>
      <c r="O20" s="48">
        <v>73.065373610136888</v>
      </c>
      <c r="P20" s="49">
        <v>87.933887241481699</v>
      </c>
      <c r="Q20" s="50"/>
    </row>
    <row r="21" spans="1:17" x14ac:dyDescent="0.25">
      <c r="A21" s="5" t="s">
        <v>80</v>
      </c>
      <c r="B21" s="47">
        <v>76.952117839485268</v>
      </c>
      <c r="C21" s="48">
        <v>69.122440319933787</v>
      </c>
      <c r="D21" s="49">
        <v>105.69582220942844</v>
      </c>
      <c r="E21" s="50"/>
      <c r="F21" s="51"/>
      <c r="G21" s="5" t="s">
        <v>80</v>
      </c>
      <c r="H21" s="47">
        <v>76.952117839485268</v>
      </c>
      <c r="I21" s="6">
        <v>71.742801444021239</v>
      </c>
      <c r="J21" s="6">
        <v>98.189226597354789</v>
      </c>
      <c r="K21" s="50"/>
      <c r="M21" s="5" t="s">
        <v>80</v>
      </c>
      <c r="N21" s="47">
        <v>76.952117839485268</v>
      </c>
      <c r="O21" s="48">
        <v>69.156546787196888</v>
      </c>
      <c r="P21" s="49">
        <v>106.35642109823735</v>
      </c>
      <c r="Q21" s="50"/>
    </row>
    <row r="22" spans="1:17" x14ac:dyDescent="0.25">
      <c r="A22" s="5" t="s">
        <v>81</v>
      </c>
      <c r="B22" s="47">
        <v>73.42877503399329</v>
      </c>
      <c r="C22" s="48">
        <v>63.215262676359693</v>
      </c>
      <c r="D22" s="49">
        <v>103.80245551207641</v>
      </c>
      <c r="E22" s="50"/>
      <c r="F22" s="51"/>
      <c r="G22" s="5" t="s">
        <v>81</v>
      </c>
      <c r="H22" s="47">
        <v>73.42877503399329</v>
      </c>
      <c r="I22" s="6">
        <v>65.207922852565162</v>
      </c>
      <c r="J22" s="6">
        <v>101.68775750308139</v>
      </c>
      <c r="K22" s="50"/>
      <c r="M22" s="5" t="s">
        <v>81</v>
      </c>
      <c r="N22" s="47">
        <v>73.42877503399329</v>
      </c>
      <c r="O22" s="48">
        <v>63.236320392107984</v>
      </c>
      <c r="P22" s="49">
        <v>104.21437001807669</v>
      </c>
      <c r="Q22" s="50"/>
    </row>
    <row r="23" spans="1:17" x14ac:dyDescent="0.25">
      <c r="A23" s="5" t="s">
        <v>82</v>
      </c>
      <c r="B23" s="47">
        <v>78.790997416999531</v>
      </c>
      <c r="C23" s="48">
        <v>66.124974357251432</v>
      </c>
      <c r="D23" s="49">
        <v>120.04353217553512</v>
      </c>
      <c r="E23" s="50"/>
      <c r="F23" s="51"/>
      <c r="G23" s="5" t="s">
        <v>82</v>
      </c>
      <c r="H23" s="47">
        <v>78.790997416999531</v>
      </c>
      <c r="I23" s="6">
        <v>68.922618650409291</v>
      </c>
      <c r="J23" s="6">
        <v>111.99065057006203</v>
      </c>
      <c r="K23" s="50"/>
      <c r="M23" s="5" t="s">
        <v>82</v>
      </c>
      <c r="N23" s="47">
        <v>78.790997416999531</v>
      </c>
      <c r="O23" s="48">
        <v>66.157601811704026</v>
      </c>
      <c r="P23" s="49">
        <v>120.79380425163218</v>
      </c>
      <c r="Q23" s="50"/>
    </row>
    <row r="24" spans="1:17" x14ac:dyDescent="0.25">
      <c r="A24" s="5" t="s">
        <v>83</v>
      </c>
      <c r="B24" s="47">
        <v>87.262978277297393</v>
      </c>
      <c r="C24" s="48">
        <v>71.253124942685716</v>
      </c>
      <c r="D24" s="49">
        <v>134.03309305695618</v>
      </c>
      <c r="E24" s="51"/>
      <c r="F24" s="51"/>
      <c r="G24" s="5" t="s">
        <v>83</v>
      </c>
      <c r="H24" s="47">
        <v>87.262978277297393</v>
      </c>
      <c r="I24" s="6">
        <v>72.615173930447213</v>
      </c>
      <c r="J24" s="6">
        <v>138.25777260662613</v>
      </c>
      <c r="K24" s="51"/>
      <c r="M24" s="5" t="s">
        <v>83</v>
      </c>
      <c r="N24" s="47">
        <v>87.262978277297393</v>
      </c>
      <c r="O24" s="48">
        <v>71.276860160854511</v>
      </c>
      <c r="P24" s="49">
        <v>134.56497041035681</v>
      </c>
      <c r="Q24" s="51"/>
    </row>
    <row r="25" spans="1:17" x14ac:dyDescent="0.25">
      <c r="A25" s="5" t="s">
        <v>84</v>
      </c>
      <c r="B25" s="47">
        <v>87.016938608817412</v>
      </c>
      <c r="C25" s="52">
        <v>70.435255346503396</v>
      </c>
      <c r="D25" s="49">
        <v>131.0351284000202</v>
      </c>
      <c r="E25" s="51"/>
      <c r="G25" s="5" t="s">
        <v>84</v>
      </c>
      <c r="H25" s="47">
        <v>87.016938608817412</v>
      </c>
      <c r="I25" s="6">
        <v>71.212441709874653</v>
      </c>
      <c r="J25" s="6">
        <v>132.4809769940816</v>
      </c>
      <c r="K25" s="51"/>
      <c r="M25" s="5" t="s">
        <v>84</v>
      </c>
      <c r="N25" s="47">
        <v>87.016938608817412</v>
      </c>
      <c r="O25" s="52">
        <v>70.435255346503396</v>
      </c>
      <c r="P25" s="49">
        <v>131.0351284000202</v>
      </c>
      <c r="Q25" s="51"/>
    </row>
    <row r="26" spans="1:17" x14ac:dyDescent="0.25">
      <c r="A26" s="5" t="s">
        <v>85</v>
      </c>
      <c r="B26" s="47">
        <v>79.620583911854212</v>
      </c>
      <c r="C26" s="53">
        <v>66.834028206856075</v>
      </c>
      <c r="D26" s="6">
        <v>110.89328365995428</v>
      </c>
      <c r="G26" s="5" t="s">
        <v>85</v>
      </c>
      <c r="H26" s="47">
        <v>79.620583911854212</v>
      </c>
      <c r="I26" s="6">
        <v>66.380797199671221</v>
      </c>
      <c r="J26" s="6">
        <v>115.49366782800135</v>
      </c>
      <c r="M26" s="5" t="s">
        <v>85</v>
      </c>
      <c r="N26" s="47">
        <v>79.620583911854212</v>
      </c>
      <c r="O26" s="53">
        <v>65.931491122345221</v>
      </c>
      <c r="P26" s="6">
        <v>115.12879102196645</v>
      </c>
    </row>
    <row r="27" spans="1:17" x14ac:dyDescent="0.25">
      <c r="A27" s="5" t="s">
        <v>86</v>
      </c>
      <c r="B27" s="47">
        <v>86.064881776969543</v>
      </c>
      <c r="C27" s="47">
        <v>63.880655874400716</v>
      </c>
      <c r="D27" s="6">
        <v>135.23955514000886</v>
      </c>
      <c r="G27" s="5" t="s">
        <v>86</v>
      </c>
      <c r="H27" s="47">
        <v>86.064881776969543</v>
      </c>
      <c r="I27" s="6">
        <v>63.760720069698351</v>
      </c>
      <c r="J27" s="6">
        <v>140.69735311355976</v>
      </c>
      <c r="M27" s="5" t="s">
        <v>86</v>
      </c>
      <c r="N27" s="47">
        <v>86.064881776969543</v>
      </c>
      <c r="O27" s="47">
        <v>62.995292398246725</v>
      </c>
      <c r="P27" s="6">
        <v>139.97293956990916</v>
      </c>
    </row>
    <row r="28" spans="1:17" x14ac:dyDescent="0.25">
      <c r="A28" s="5" t="s">
        <v>87</v>
      </c>
      <c r="B28" s="47">
        <v>88.612971292066305</v>
      </c>
      <c r="C28" s="47">
        <v>68.789262165705509</v>
      </c>
      <c r="D28" s="6">
        <v>130.4229699565941</v>
      </c>
      <c r="G28" s="5" t="s">
        <v>87</v>
      </c>
      <c r="H28" s="47">
        <v>88.612971292066305</v>
      </c>
      <c r="I28" s="6">
        <v>68.565371242812816</v>
      </c>
      <c r="J28" s="6">
        <v>134.75990796225875</v>
      </c>
      <c r="M28" s="5" t="s">
        <v>87</v>
      </c>
      <c r="N28" s="47">
        <v>88.612971292066305</v>
      </c>
      <c r="O28" s="47">
        <v>67.810752035325635</v>
      </c>
      <c r="P28" s="6">
        <v>134.60319335263878</v>
      </c>
    </row>
    <row r="29" spans="1:17" x14ac:dyDescent="0.25">
      <c r="A29" s="5" t="s">
        <v>88</v>
      </c>
      <c r="B29" s="47">
        <v>83.270461965051695</v>
      </c>
      <c r="C29" s="47">
        <v>69.666127742636803</v>
      </c>
      <c r="D29" s="6">
        <v>110.2240616488469</v>
      </c>
      <c r="G29" s="5" t="s">
        <v>88</v>
      </c>
      <c r="H29" s="47">
        <v>83.270461965051695</v>
      </c>
      <c r="I29" s="6">
        <v>70.252602625755813</v>
      </c>
      <c r="J29" s="6">
        <v>108.77015102056843</v>
      </c>
      <c r="M29" s="5" t="s">
        <v>88</v>
      </c>
      <c r="N29" s="47">
        <v>83.270461965051695</v>
      </c>
      <c r="O29" s="47">
        <v>68.649012323178709</v>
      </c>
      <c r="P29" s="6">
        <v>113.45593999966184</v>
      </c>
    </row>
    <row r="30" spans="1:17" x14ac:dyDescent="0.25">
      <c r="A30" s="5" t="s">
        <v>89</v>
      </c>
      <c r="B30" s="6">
        <v>77.657580999217231</v>
      </c>
      <c r="C30" s="47">
        <v>62.826362397344383</v>
      </c>
      <c r="D30" s="6">
        <v>107.23042395124213</v>
      </c>
      <c r="G30" s="5" t="s">
        <v>89</v>
      </c>
      <c r="H30" s="6">
        <v>77.657580999217231</v>
      </c>
      <c r="I30" s="6">
        <v>63.454074271633651</v>
      </c>
      <c r="J30" s="6">
        <v>105.9810445202537</v>
      </c>
      <c r="M30" s="5" t="s">
        <v>89</v>
      </c>
      <c r="N30" s="6">
        <v>77.657580999217231</v>
      </c>
      <c r="O30" s="47">
        <v>61.909106565659997</v>
      </c>
      <c r="P30" s="6">
        <v>110.37452588808409</v>
      </c>
    </row>
    <row r="31" spans="1:17" x14ac:dyDescent="0.25">
      <c r="A31" s="5" t="s">
        <v>90</v>
      </c>
      <c r="B31" s="6">
        <v>71.927332575827762</v>
      </c>
      <c r="C31" s="6">
        <v>61.011237089090031</v>
      </c>
      <c r="D31" s="6">
        <v>95.0939093510014</v>
      </c>
      <c r="G31" s="5" t="s">
        <v>90</v>
      </c>
      <c r="H31" s="6">
        <v>71.927332575827762</v>
      </c>
      <c r="I31" s="6">
        <v>60.848449989822164</v>
      </c>
      <c r="J31" s="6">
        <v>98.313878643923132</v>
      </c>
      <c r="M31" s="5" t="s">
        <v>90</v>
      </c>
      <c r="N31" s="6">
        <v>71.927332575827762</v>
      </c>
      <c r="O31" s="6">
        <v>60.143367429216752</v>
      </c>
      <c r="P31" s="6">
        <v>98.141791060969396</v>
      </c>
    </row>
    <row r="32" spans="1:17" x14ac:dyDescent="0.25">
      <c r="A32" s="5" t="s">
        <v>91</v>
      </c>
      <c r="B32" s="6">
        <v>67.193082355675145</v>
      </c>
      <c r="C32" s="6">
        <v>65.723513112528437</v>
      </c>
      <c r="D32" s="6">
        <v>70.44073492220349</v>
      </c>
      <c r="G32" s="5" t="s">
        <v>91</v>
      </c>
      <c r="H32" s="6">
        <v>67.193082355675145</v>
      </c>
      <c r="I32" s="6">
        <v>66.212996185518136</v>
      </c>
      <c r="J32" s="6">
        <v>69.692764631352958</v>
      </c>
      <c r="M32" s="5" t="s">
        <v>91</v>
      </c>
      <c r="N32" s="6">
        <v>67.193082355675145</v>
      </c>
      <c r="O32" s="6">
        <v>64.788612499263436</v>
      </c>
      <c r="P32" s="6">
        <v>72.698450785094622</v>
      </c>
    </row>
    <row r="33" spans="1:17" x14ac:dyDescent="0.25">
      <c r="A33" s="5" t="s">
        <v>92</v>
      </c>
      <c r="B33" s="6">
        <v>65.791861077083453</v>
      </c>
      <c r="C33" s="6">
        <v>61.309421570227585</v>
      </c>
      <c r="D33" s="6">
        <v>75.51787557165656</v>
      </c>
      <c r="G33" s="5" t="s">
        <v>92</v>
      </c>
      <c r="H33" s="6">
        <v>65.791861077083453</v>
      </c>
      <c r="I33" s="6">
        <v>61.874346280387847</v>
      </c>
      <c r="J33" s="6">
        <v>74.847019784798874</v>
      </c>
      <c r="M33" s="5" t="s">
        <v>92</v>
      </c>
      <c r="N33" s="6">
        <v>65.791861077083453</v>
      </c>
      <c r="O33" s="6">
        <v>60.437310310338141</v>
      </c>
      <c r="P33" s="6">
        <v>77.938320301517351</v>
      </c>
    </row>
    <row r="35" spans="1:17" x14ac:dyDescent="0.25">
      <c r="A35" s="34" t="s">
        <v>134</v>
      </c>
      <c r="G35" s="34" t="s">
        <v>134</v>
      </c>
      <c r="M35" s="34" t="s">
        <v>134</v>
      </c>
    </row>
    <row r="36" spans="1:17" x14ac:dyDescent="0.25">
      <c r="A36" s="34"/>
      <c r="B36" s="5" t="s">
        <v>135</v>
      </c>
      <c r="C36" s="5" t="s">
        <v>127</v>
      </c>
      <c r="D36" s="5" t="s">
        <v>132</v>
      </c>
      <c r="E36" s="40" t="s">
        <v>133</v>
      </c>
      <c r="G36" s="34"/>
      <c r="H36" s="5" t="s">
        <v>135</v>
      </c>
      <c r="I36" s="5" t="s">
        <v>127</v>
      </c>
      <c r="J36" s="5" t="s">
        <v>132</v>
      </c>
      <c r="K36" s="40" t="s">
        <v>133</v>
      </c>
      <c r="M36" s="34"/>
      <c r="N36" s="5" t="s">
        <v>135</v>
      </c>
      <c r="O36" s="5" t="s">
        <v>127</v>
      </c>
      <c r="P36" s="5" t="s">
        <v>132</v>
      </c>
      <c r="Q36" s="40" t="s">
        <v>133</v>
      </c>
    </row>
    <row r="37" spans="1:17" x14ac:dyDescent="0.25">
      <c r="A37" s="5" t="s">
        <v>71</v>
      </c>
      <c r="B37" s="5">
        <v>100</v>
      </c>
      <c r="C37" s="5">
        <v>100</v>
      </c>
      <c r="D37" s="5">
        <v>100</v>
      </c>
      <c r="E37" s="5">
        <v>100</v>
      </c>
      <c r="G37" s="5" t="s">
        <v>71</v>
      </c>
      <c r="H37" s="5">
        <v>100</v>
      </c>
      <c r="I37" s="5">
        <v>100</v>
      </c>
      <c r="J37" s="5">
        <v>100</v>
      </c>
      <c r="K37" s="5">
        <v>100</v>
      </c>
      <c r="M37" s="5" t="s">
        <v>71</v>
      </c>
      <c r="N37" s="5">
        <v>100</v>
      </c>
      <c r="O37" s="5">
        <v>100</v>
      </c>
      <c r="P37" s="5">
        <v>100</v>
      </c>
      <c r="Q37" s="5">
        <v>100</v>
      </c>
    </row>
    <row r="38" spans="1:17" x14ac:dyDescent="0.25">
      <c r="A38" s="5" t="s">
        <v>72</v>
      </c>
      <c r="B38" s="6">
        <v>100.68131285749182</v>
      </c>
      <c r="C38" s="6">
        <v>93.165761599768729</v>
      </c>
      <c r="D38" s="6">
        <v>89.168782731187051</v>
      </c>
      <c r="E38" s="6">
        <v>103.83801431411203</v>
      </c>
      <c r="G38" s="5" t="s">
        <v>72</v>
      </c>
      <c r="H38" s="6">
        <v>100.68131285749182</v>
      </c>
      <c r="I38" s="6">
        <v>93.165761599768729</v>
      </c>
      <c r="J38" s="6">
        <v>90.342056189032533</v>
      </c>
      <c r="K38" s="6">
        <v>99.511430385300443</v>
      </c>
      <c r="M38" s="5" t="s">
        <v>72</v>
      </c>
      <c r="N38" s="6">
        <v>100.68131285749182</v>
      </c>
      <c r="O38" s="6">
        <v>93.165761599768729</v>
      </c>
      <c r="P38" s="6">
        <v>90.342056188176358</v>
      </c>
      <c r="Q38" s="6">
        <v>99.51143038435734</v>
      </c>
    </row>
    <row r="39" spans="1:17" x14ac:dyDescent="0.25">
      <c r="A39" s="5" t="s">
        <v>73</v>
      </c>
      <c r="B39" s="6">
        <v>103.54170180086761</v>
      </c>
      <c r="C39" s="6">
        <v>93.506111610653321</v>
      </c>
      <c r="D39" s="6">
        <v>87.642414815835735</v>
      </c>
      <c r="E39" s="6">
        <v>107.85692413248469</v>
      </c>
      <c r="G39" s="5" t="s">
        <v>73</v>
      </c>
      <c r="H39" s="6">
        <v>103.54170180086761</v>
      </c>
      <c r="I39" s="6">
        <v>93.506111610653321</v>
      </c>
      <c r="J39" s="6">
        <v>88.795604480739939</v>
      </c>
      <c r="K39" s="6">
        <v>103.36288562262817</v>
      </c>
      <c r="M39" s="5" t="s">
        <v>73</v>
      </c>
      <c r="N39" s="6">
        <v>103.54170180086761</v>
      </c>
      <c r="O39" s="6">
        <v>93.506111610653321</v>
      </c>
      <c r="P39" s="6">
        <v>88.795604484465144</v>
      </c>
      <c r="Q39" s="6">
        <v>103.36288562696447</v>
      </c>
    </row>
    <row r="40" spans="1:17" x14ac:dyDescent="0.25">
      <c r="A40" s="5" t="s">
        <v>74</v>
      </c>
      <c r="B40" s="6">
        <v>104.01506324097518</v>
      </c>
      <c r="C40" s="6">
        <v>91.515986195311143</v>
      </c>
      <c r="D40" s="6">
        <v>85.945404587370007</v>
      </c>
      <c r="E40" s="6">
        <v>102.58872463739432</v>
      </c>
      <c r="G40" s="5" t="s">
        <v>74</v>
      </c>
      <c r="H40" s="6">
        <v>104.01506324097518</v>
      </c>
      <c r="I40" s="6">
        <v>91.515986195311143</v>
      </c>
      <c r="J40" s="6">
        <v>85.945404587601246</v>
      </c>
      <c r="K40" s="6">
        <v>102.58872463767037</v>
      </c>
      <c r="M40" s="5" t="s">
        <v>74</v>
      </c>
      <c r="N40" s="6">
        <v>104.01506324097518</v>
      </c>
      <c r="O40" s="6">
        <v>91.515986195311143</v>
      </c>
      <c r="P40" s="6">
        <v>85.945404587370007</v>
      </c>
      <c r="Q40" s="6">
        <v>102.58872463739432</v>
      </c>
    </row>
    <row r="41" spans="1:17" x14ac:dyDescent="0.25">
      <c r="A41" s="5" t="s">
        <v>75</v>
      </c>
      <c r="B41" s="6">
        <v>104.84183318646585</v>
      </c>
      <c r="C41" s="6">
        <v>91.664887969700402</v>
      </c>
      <c r="D41" s="6">
        <v>86.52619349929563</v>
      </c>
      <c r="E41" s="6">
        <v>105.00391237686941</v>
      </c>
      <c r="G41" s="5" t="s">
        <v>75</v>
      </c>
      <c r="H41" s="6">
        <v>104.84183318646585</v>
      </c>
      <c r="I41" s="6">
        <v>91.664887969700402</v>
      </c>
      <c r="J41" s="6">
        <v>87.693158607668778</v>
      </c>
      <c r="K41" s="6">
        <v>101.06626566121398</v>
      </c>
      <c r="M41" s="5" t="s">
        <v>75</v>
      </c>
      <c r="N41" s="6">
        <v>104.84183318646585</v>
      </c>
      <c r="O41" s="6">
        <v>91.664887969700402</v>
      </c>
      <c r="P41" s="6">
        <v>86.555016348562546</v>
      </c>
      <c r="Q41" s="6">
        <v>105.4205945688411</v>
      </c>
    </row>
    <row r="42" spans="1:17" x14ac:dyDescent="0.25">
      <c r="A42" s="5" t="s">
        <v>76</v>
      </c>
      <c r="B42" s="6">
        <v>105.70497667329677</v>
      </c>
      <c r="C42" s="6">
        <v>90.325054909633081</v>
      </c>
      <c r="D42" s="6">
        <v>87.733613626874941</v>
      </c>
      <c r="E42" s="6">
        <v>92.388279456852416</v>
      </c>
      <c r="G42" s="5" t="s">
        <v>76</v>
      </c>
      <c r="H42" s="6">
        <v>105.70497667329677</v>
      </c>
      <c r="I42" s="6">
        <v>90.325054909633081</v>
      </c>
      <c r="J42" s="6">
        <v>91.290740352017167</v>
      </c>
      <c r="K42" s="6">
        <v>85.863387718669543</v>
      </c>
      <c r="M42" s="5" t="s">
        <v>76</v>
      </c>
      <c r="N42" s="6">
        <v>105.70497667329677</v>
      </c>
      <c r="O42" s="6">
        <v>90.325054909633081</v>
      </c>
      <c r="P42" s="6">
        <v>87.762838681380899</v>
      </c>
      <c r="Q42" s="6">
        <v>92.754899613427227</v>
      </c>
    </row>
    <row r="43" spans="1:17" x14ac:dyDescent="0.25">
      <c r="A43" s="5" t="s">
        <v>77</v>
      </c>
      <c r="B43" s="6">
        <v>106.37948667099455</v>
      </c>
      <c r="C43" s="6">
        <v>82.692228623321881</v>
      </c>
      <c r="D43" s="6">
        <v>82.14139076633009</v>
      </c>
      <c r="E43" s="6">
        <v>78.240863134561806</v>
      </c>
      <c r="G43" s="5" t="s">
        <v>77</v>
      </c>
      <c r="H43" s="6">
        <v>106.37948667099455</v>
      </c>
      <c r="I43" s="6">
        <v>82.692228623321881</v>
      </c>
      <c r="J43" s="6">
        <v>86.760625665641015</v>
      </c>
      <c r="K43" s="6">
        <v>69.564682978629605</v>
      </c>
      <c r="M43" s="5" t="s">
        <v>77</v>
      </c>
      <c r="N43" s="6">
        <v>106.37948667099455</v>
      </c>
      <c r="O43" s="6">
        <v>82.692228623321881</v>
      </c>
      <c r="P43" s="6">
        <v>82.155247276243443</v>
      </c>
      <c r="Q43" s="6">
        <v>78.389046587468172</v>
      </c>
    </row>
    <row r="44" spans="1:17" x14ac:dyDescent="0.25">
      <c r="A44" s="5" t="s">
        <v>78</v>
      </c>
      <c r="B44" s="6">
        <v>107.57590205155046</v>
      </c>
      <c r="C44" s="6">
        <v>89.495839929771506</v>
      </c>
      <c r="D44" s="6">
        <v>85.550938056520792</v>
      </c>
      <c r="E44" s="6">
        <v>94.222632579812966</v>
      </c>
      <c r="G44" s="5" t="s">
        <v>78</v>
      </c>
      <c r="H44" s="6">
        <v>107.57590205155046</v>
      </c>
      <c r="I44" s="6">
        <v>89.495839929771506</v>
      </c>
      <c r="J44" s="6">
        <v>89.161510435885972</v>
      </c>
      <c r="K44" s="6">
        <v>87.707817462202911</v>
      </c>
      <c r="M44" s="5" t="s">
        <v>78</v>
      </c>
      <c r="N44" s="6">
        <v>107.57590205155046</v>
      </c>
      <c r="O44" s="6">
        <v>89.495839929771506</v>
      </c>
      <c r="P44" s="6">
        <v>85.579436037219153</v>
      </c>
      <c r="Q44" s="6">
        <v>94.59653191544713</v>
      </c>
    </row>
    <row r="45" spans="1:17" x14ac:dyDescent="0.25">
      <c r="A45" s="5" t="s">
        <v>79</v>
      </c>
      <c r="B45" s="6">
        <v>110.14271277248974</v>
      </c>
      <c r="C45" s="6">
        <v>91.960128222011278</v>
      </c>
      <c r="D45" s="6">
        <v>89.142703397874072</v>
      </c>
      <c r="E45" s="6">
        <v>98.491312845816068</v>
      </c>
      <c r="G45" s="5" t="s">
        <v>79</v>
      </c>
      <c r="H45" s="6">
        <v>110.14271277248974</v>
      </c>
      <c r="I45" s="6">
        <v>91.960128222011278</v>
      </c>
      <c r="J45" s="6">
        <v>92.339016434498546</v>
      </c>
      <c r="K45" s="6">
        <v>91.315419557317185</v>
      </c>
      <c r="M45" s="5" t="s">
        <v>79</v>
      </c>
      <c r="N45" s="6">
        <v>110.14271277248974</v>
      </c>
      <c r="O45" s="6">
        <v>91.960128222011278</v>
      </c>
      <c r="P45" s="6">
        <v>89.186688284419063</v>
      </c>
      <c r="Q45" s="6">
        <v>99.106883551102413</v>
      </c>
    </row>
    <row r="46" spans="1:17" x14ac:dyDescent="0.25">
      <c r="A46" s="5" t="s">
        <v>80</v>
      </c>
      <c r="B46" s="6">
        <v>109.85999959584336</v>
      </c>
      <c r="C46" s="6">
        <v>94.311060813814834</v>
      </c>
      <c r="D46" s="6">
        <v>86.053883003333127</v>
      </c>
      <c r="E46" s="6">
        <v>115.046063559337</v>
      </c>
      <c r="G46" s="5" t="s">
        <v>80</v>
      </c>
      <c r="H46" s="6">
        <v>109.85999959584336</v>
      </c>
      <c r="I46" s="6">
        <v>94.311060813814834</v>
      </c>
      <c r="J46" s="6">
        <v>89.316097829010772</v>
      </c>
      <c r="K46" s="6">
        <v>106.87540687822714</v>
      </c>
      <c r="M46" s="5" t="s">
        <v>80</v>
      </c>
      <c r="N46" s="6">
        <v>109.85999959584336</v>
      </c>
      <c r="O46" s="6">
        <v>94.311060813814834</v>
      </c>
      <c r="P46" s="6">
        <v>86.096343800867658</v>
      </c>
      <c r="Q46" s="6">
        <v>115.76510145658281</v>
      </c>
    </row>
    <row r="47" spans="1:17" x14ac:dyDescent="0.25">
      <c r="A47" s="5" t="s">
        <v>81</v>
      </c>
      <c r="B47" s="6">
        <v>112.9372836469455</v>
      </c>
      <c r="C47" s="6">
        <v>88.833048808103214</v>
      </c>
      <c r="D47" s="6">
        <v>79.29766217476805</v>
      </c>
      <c r="E47" s="6">
        <v>108.89161837484255</v>
      </c>
      <c r="G47" s="5" t="s">
        <v>81</v>
      </c>
      <c r="H47" s="6">
        <v>112.9372836469455</v>
      </c>
      <c r="I47" s="6">
        <v>88.833048808103214</v>
      </c>
      <c r="J47" s="6">
        <v>81.797268864545288</v>
      </c>
      <c r="K47" s="6">
        <v>106.67324225418582</v>
      </c>
      <c r="M47" s="5" t="s">
        <v>81</v>
      </c>
      <c r="N47" s="6">
        <v>112.9372836469455</v>
      </c>
      <c r="O47" s="6">
        <v>88.833048808103214</v>
      </c>
      <c r="P47" s="6">
        <v>79.324077118863556</v>
      </c>
      <c r="Q47" s="6">
        <v>109.3237279715681</v>
      </c>
    </row>
    <row r="48" spans="1:17" x14ac:dyDescent="0.25">
      <c r="A48" s="5" t="s">
        <v>82</v>
      </c>
      <c r="B48" s="6">
        <v>115.13873071049174</v>
      </c>
      <c r="C48" s="6">
        <v>94.140375244088432</v>
      </c>
      <c r="D48" s="6">
        <v>79.842272172399007</v>
      </c>
      <c r="E48" s="6">
        <v>130.71993437975667</v>
      </c>
      <c r="G48" s="5" t="s">
        <v>82</v>
      </c>
      <c r="H48" s="6">
        <v>115.13873071049174</v>
      </c>
      <c r="I48" s="6">
        <v>94.140375244088432</v>
      </c>
      <c r="J48" s="6">
        <v>83.220273892128588</v>
      </c>
      <c r="K48" s="6">
        <v>121.9508475663488</v>
      </c>
      <c r="M48" s="5" t="s">
        <v>82</v>
      </c>
      <c r="N48" s="6">
        <v>115.13873071049174</v>
      </c>
      <c r="O48" s="6">
        <v>94.140375244088432</v>
      </c>
      <c r="P48" s="6">
        <v>79.881668030378805</v>
      </c>
      <c r="Q48" s="6">
        <v>131.5369339696301</v>
      </c>
    </row>
    <row r="49" spans="1:17" x14ac:dyDescent="0.25">
      <c r="A49" s="5" t="s">
        <v>83</v>
      </c>
      <c r="B49" s="6">
        <v>117.58392933939422</v>
      </c>
      <c r="C49" s="6">
        <v>102.1712067437754</v>
      </c>
      <c r="D49" s="6">
        <v>83.788252544626999</v>
      </c>
      <c r="E49" s="6">
        <v>145.49745858219038</v>
      </c>
      <c r="G49" s="5" t="s">
        <v>83</v>
      </c>
      <c r="H49" s="6">
        <v>117.58392933939422</v>
      </c>
      <c r="I49" s="6">
        <v>102.1712067437754</v>
      </c>
      <c r="J49" s="6">
        <v>85.38991850182552</v>
      </c>
      <c r="K49" s="6">
        <v>150.08349120877406</v>
      </c>
      <c r="M49" s="5" t="s">
        <v>83</v>
      </c>
      <c r="N49" s="6">
        <v>117.58392933939422</v>
      </c>
      <c r="O49" s="6">
        <v>102.1712067437754</v>
      </c>
      <c r="P49" s="6">
        <v>83.816163354935</v>
      </c>
      <c r="Q49" s="6">
        <v>146.07482944958002</v>
      </c>
    </row>
    <row r="50" spans="1:17" x14ac:dyDescent="0.25">
      <c r="A50" s="5" t="s">
        <v>84</v>
      </c>
      <c r="B50" s="6">
        <v>119.29640472861858</v>
      </c>
      <c r="C50" s="6">
        <v>100.35358024363121</v>
      </c>
      <c r="D50" s="6">
        <v>83.065223426881715</v>
      </c>
      <c r="E50" s="6">
        <v>137.22172592839721</v>
      </c>
      <c r="G50" s="5" t="s">
        <v>84</v>
      </c>
      <c r="H50" s="6">
        <v>119.29640472861858</v>
      </c>
      <c r="I50" s="6">
        <v>100.35358024363121</v>
      </c>
      <c r="J50" s="6">
        <v>83.981769531530233</v>
      </c>
      <c r="K50" s="6">
        <v>138.73583776947982</v>
      </c>
      <c r="M50" s="5" t="s">
        <v>84</v>
      </c>
      <c r="N50" s="6">
        <v>119.29640472861858</v>
      </c>
      <c r="O50" s="6">
        <v>100.35358024363121</v>
      </c>
      <c r="P50" s="6">
        <v>83.06522342688173</v>
      </c>
      <c r="Q50" s="6">
        <v>137.22172592839718</v>
      </c>
    </row>
    <row r="51" spans="1:17" x14ac:dyDescent="0.25">
      <c r="A51" s="5" t="s">
        <v>85</v>
      </c>
      <c r="B51" s="6">
        <v>120.2659305076476</v>
      </c>
      <c r="C51" s="6">
        <v>95.27480889674365</v>
      </c>
      <c r="D51" s="6">
        <v>74.171924633146133</v>
      </c>
      <c r="E51" s="6">
        <v>136.96537319773162</v>
      </c>
      <c r="G51" s="5" t="s">
        <v>85</v>
      </c>
      <c r="H51" s="6">
        <v>120.2659305076476</v>
      </c>
      <c r="I51" s="6">
        <v>95.27480889674365</v>
      </c>
      <c r="J51" s="6">
        <v>73.668932115587964</v>
      </c>
      <c r="K51" s="6">
        <v>142.64735242707459</v>
      </c>
      <c r="M51" s="5" t="s">
        <v>85</v>
      </c>
      <c r="N51" s="6">
        <v>120.2659305076476</v>
      </c>
      <c r="O51" s="6">
        <v>95.27480889674365</v>
      </c>
      <c r="P51" s="6">
        <v>73.170295457005992</v>
      </c>
      <c r="Q51" s="6">
        <v>142.196689535145</v>
      </c>
    </row>
    <row r="52" spans="1:17" x14ac:dyDescent="0.25">
      <c r="A52" s="5" t="s">
        <v>86</v>
      </c>
      <c r="B52" s="6">
        <v>121.25964208262272</v>
      </c>
      <c r="C52" s="6">
        <v>99.494504051374065</v>
      </c>
      <c r="D52" s="6">
        <v>75.259794852373275</v>
      </c>
      <c r="E52" s="6">
        <v>143.097653165444</v>
      </c>
      <c r="G52" s="5" t="s">
        <v>86</v>
      </c>
      <c r="H52" s="6">
        <v>121.25964208262272</v>
      </c>
      <c r="I52" s="6">
        <v>99.494504051374065</v>
      </c>
      <c r="J52" s="6">
        <v>75.118494736809325</v>
      </c>
      <c r="K52" s="6">
        <v>148.87257663851895</v>
      </c>
      <c r="M52" s="5" t="s">
        <v>86</v>
      </c>
      <c r="N52" s="6">
        <v>121.25964208262272</v>
      </c>
      <c r="O52" s="6">
        <v>99.494504051374065</v>
      </c>
      <c r="P52" s="6">
        <v>74.216720502664941</v>
      </c>
      <c r="Q52" s="6">
        <v>148.10607102623453</v>
      </c>
    </row>
    <row r="53" spans="1:17" x14ac:dyDescent="0.25">
      <c r="A53" s="5" t="s">
        <v>87</v>
      </c>
      <c r="B53" s="6">
        <v>121.790463119566</v>
      </c>
      <c r="C53" s="6">
        <v>103.73739786708069</v>
      </c>
      <c r="D53" s="6">
        <v>79.291825718385113</v>
      </c>
      <c r="E53" s="6">
        <v>144.94864577009818</v>
      </c>
      <c r="G53" s="5" t="s">
        <v>87</v>
      </c>
      <c r="H53" s="6">
        <v>121.790463119566</v>
      </c>
      <c r="I53" s="6">
        <v>103.73739786708069</v>
      </c>
      <c r="J53" s="6">
        <v>79.033751718475486</v>
      </c>
      <c r="K53" s="6">
        <v>149.76860417864521</v>
      </c>
      <c r="M53" s="5" t="s">
        <v>87</v>
      </c>
      <c r="N53" s="6">
        <v>121.790463119566</v>
      </c>
      <c r="O53" s="6">
        <v>103.73739786708069</v>
      </c>
      <c r="P53" s="6">
        <v>78.163919235904544</v>
      </c>
      <c r="Q53" s="6">
        <v>149.594435698627</v>
      </c>
    </row>
    <row r="54" spans="1:17" x14ac:dyDescent="0.25">
      <c r="A54" s="5" t="s">
        <v>88</v>
      </c>
      <c r="B54" s="6">
        <v>121.9602127034652</v>
      </c>
      <c r="C54" s="6">
        <v>97.56674441599192</v>
      </c>
      <c r="D54" s="6">
        <v>76.962793291715187</v>
      </c>
      <c r="E54" s="6">
        <v>129.16544463683658</v>
      </c>
      <c r="G54" s="5" t="s">
        <v>88</v>
      </c>
      <c r="H54" s="6">
        <v>121.9602127034652</v>
      </c>
      <c r="I54" s="6">
        <v>97.56674441599192</v>
      </c>
      <c r="J54" s="6">
        <v>77.610694167834168</v>
      </c>
      <c r="K54" s="6">
        <v>127.46168767166424</v>
      </c>
      <c r="M54" s="5" t="s">
        <v>88</v>
      </c>
      <c r="N54" s="6">
        <v>121.9602127034652</v>
      </c>
      <c r="O54" s="6">
        <v>97.56674441599192</v>
      </c>
      <c r="P54" s="6">
        <v>75.839147607391297</v>
      </c>
      <c r="Q54" s="6">
        <v>132.95270304439813</v>
      </c>
    </row>
    <row r="55" spans="1:17" x14ac:dyDescent="0.25">
      <c r="A55" s="5" t="s">
        <v>89</v>
      </c>
      <c r="B55" s="6">
        <v>124.22796099190772</v>
      </c>
      <c r="C55" s="6">
        <v>96.75777357504451</v>
      </c>
      <c r="D55" s="6">
        <v>79.161412394915246</v>
      </c>
      <c r="E55" s="6">
        <v>121.89783574919078</v>
      </c>
      <c r="G55" s="5" t="s">
        <v>89</v>
      </c>
      <c r="H55" s="6">
        <v>124.22796099190772</v>
      </c>
      <c r="I55" s="6">
        <v>96.75777357504451</v>
      </c>
      <c r="J55" s="6">
        <v>79.952331312543009</v>
      </c>
      <c r="K55" s="6">
        <v>120.47756113816908</v>
      </c>
      <c r="M55" s="5" t="s">
        <v>89</v>
      </c>
      <c r="N55" s="6">
        <v>124.22796099190772</v>
      </c>
      <c r="O55" s="6">
        <v>96.75777357504451</v>
      </c>
      <c r="P55" s="6">
        <v>78.005667188716941</v>
      </c>
      <c r="Q55" s="6">
        <v>125.47200068628122</v>
      </c>
    </row>
    <row r="56" spans="1:17" x14ac:dyDescent="0.25">
      <c r="A56" s="5" t="s">
        <v>90</v>
      </c>
      <c r="B56" s="6">
        <v>126.39659835190994</v>
      </c>
      <c r="C56" s="6">
        <v>99.357309789713341</v>
      </c>
      <c r="D56" s="6">
        <v>86.173147661366826</v>
      </c>
      <c r="E56" s="6">
        <v>117.7092856501351</v>
      </c>
      <c r="G56" s="5" t="s">
        <v>90</v>
      </c>
      <c r="H56" s="6">
        <v>126.39659835190994</v>
      </c>
      <c r="I56" s="6">
        <v>99.357309789713341</v>
      </c>
      <c r="J56" s="6">
        <v>85.943224824003423</v>
      </c>
      <c r="K56" s="6">
        <v>121.69503287487254</v>
      </c>
      <c r="M56" s="5" t="s">
        <v>90</v>
      </c>
      <c r="N56" s="6">
        <v>126.39659835190994</v>
      </c>
      <c r="O56" s="6">
        <v>99.357309789713341</v>
      </c>
      <c r="P56" s="6">
        <v>84.947356087236443</v>
      </c>
      <c r="Q56" s="6">
        <v>121.48201916456249</v>
      </c>
    </row>
    <row r="57" spans="1:17" x14ac:dyDescent="0.25">
      <c r="A57" s="5" t="s">
        <v>91</v>
      </c>
      <c r="B57" s="6">
        <v>128.18889016270006</v>
      </c>
      <c r="C57" s="6">
        <v>92.786128367134395</v>
      </c>
      <c r="D57" s="6">
        <v>85.379210485016486</v>
      </c>
      <c r="E57" s="6">
        <v>101.4553392922034</v>
      </c>
      <c r="G57" s="5" t="s">
        <v>91</v>
      </c>
      <c r="H57" s="6">
        <v>128.18889016270006</v>
      </c>
      <c r="I57" s="6">
        <v>92.786128367134395</v>
      </c>
      <c r="J57" s="6">
        <v>86.015081520182974</v>
      </c>
      <c r="K57" s="6">
        <v>100.37804247350131</v>
      </c>
      <c r="M57" s="5" t="s">
        <v>91</v>
      </c>
      <c r="N57" s="6">
        <v>128.18889016270006</v>
      </c>
      <c r="O57" s="6">
        <v>92.786128367134395</v>
      </c>
      <c r="P57" s="6">
        <v>84.164712469582398</v>
      </c>
      <c r="Q57" s="6">
        <v>104.70711298746633</v>
      </c>
    </row>
    <row r="58" spans="1:17" x14ac:dyDescent="0.25">
      <c r="A58" s="5" t="s">
        <v>92</v>
      </c>
      <c r="B58" s="6">
        <v>123.70817526311555</v>
      </c>
      <c r="C58" s="6">
        <v>86.228350335608027</v>
      </c>
      <c r="D58" s="6">
        <v>74.769078503594173</v>
      </c>
      <c r="E58" s="6">
        <v>105.11348156951026</v>
      </c>
      <c r="G58" s="5" t="s">
        <v>92</v>
      </c>
      <c r="H58" s="6">
        <v>123.70817526311555</v>
      </c>
      <c r="I58" s="6">
        <v>86.228350335608027</v>
      </c>
      <c r="J58" s="6">
        <v>75.458024817566653</v>
      </c>
      <c r="K58" s="6">
        <v>104.17971606228605</v>
      </c>
      <c r="M58" s="5" t="s">
        <v>92</v>
      </c>
      <c r="N58" s="6">
        <v>123.70817526311555</v>
      </c>
      <c r="O58" s="6">
        <v>86.228350335608027</v>
      </c>
      <c r="P58" s="6">
        <v>73.705506974382303</v>
      </c>
      <c r="Q58" s="6">
        <v>108.48250341468687</v>
      </c>
    </row>
  </sheetData>
  <pageMargins left="0.7" right="0.7" top="0.75" bottom="0.75" header="0.3" footer="0.3"/>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EC88BA0-2CDF-4515-8D31-6478375E84E1}">
  <dimension ref="A1:J39"/>
  <sheetViews>
    <sheetView workbookViewId="0">
      <selection activeCell="C17" sqref="C17"/>
    </sheetView>
  </sheetViews>
  <sheetFormatPr defaultColWidth="8.6640625" defaultRowHeight="13.2" x14ac:dyDescent="0.25"/>
  <cols>
    <col min="1" max="1" width="16.6640625" style="5" customWidth="1"/>
    <col min="2" max="2" width="34.88671875" style="5" customWidth="1"/>
    <col min="3" max="3" width="18.5546875" style="5" bestFit="1" customWidth="1"/>
    <col min="4" max="7" width="5.5546875" style="5" bestFit="1" customWidth="1"/>
    <col min="8" max="16384" width="8.6640625" style="5"/>
  </cols>
  <sheetData>
    <row r="1" spans="1:10" s="39" customFormat="1" x14ac:dyDescent="0.25">
      <c r="A1" s="37" t="s">
        <v>43</v>
      </c>
      <c r="B1" s="37"/>
      <c r="C1" s="37"/>
    </row>
    <row r="2" spans="1:10" x14ac:dyDescent="0.25">
      <c r="A2" s="35" t="s">
        <v>2</v>
      </c>
      <c r="B2" s="5" t="s">
        <v>44</v>
      </c>
    </row>
    <row r="3" spans="1:10" x14ac:dyDescent="0.25">
      <c r="A3" s="35" t="s">
        <v>102</v>
      </c>
      <c r="B3" s="5" t="s">
        <v>225</v>
      </c>
    </row>
    <row r="4" spans="1:10" x14ac:dyDescent="0.25">
      <c r="A4" s="35" t="s">
        <v>103</v>
      </c>
      <c r="B4" s="40" t="s">
        <v>226</v>
      </c>
    </row>
    <row r="5" spans="1:10" x14ac:dyDescent="0.25">
      <c r="A5" s="35" t="s">
        <v>3</v>
      </c>
    </row>
    <row r="7" spans="1:10" s="42" customFormat="1" x14ac:dyDescent="0.25">
      <c r="A7" s="41" t="s">
        <v>59</v>
      </c>
    </row>
    <row r="8" spans="1:10" x14ac:dyDescent="0.25">
      <c r="B8" s="43"/>
      <c r="C8" s="44"/>
      <c r="D8" s="45"/>
      <c r="E8" s="34"/>
      <c r="F8" s="34"/>
      <c r="G8" s="34"/>
    </row>
    <row r="9" spans="1:10" x14ac:dyDescent="0.25">
      <c r="A9" s="34" t="s">
        <v>60</v>
      </c>
      <c r="B9" s="40"/>
      <c r="C9" s="46"/>
      <c r="D9" s="43"/>
      <c r="E9" s="40"/>
      <c r="F9" s="43"/>
      <c r="G9" s="43"/>
    </row>
    <row r="10" spans="1:10" x14ac:dyDescent="0.25">
      <c r="B10" s="40" t="s">
        <v>227</v>
      </c>
      <c r="C10" s="46" t="s">
        <v>228</v>
      </c>
      <c r="D10" s="40"/>
      <c r="E10" s="40"/>
      <c r="F10" s="40"/>
      <c r="G10" s="40"/>
      <c r="I10" s="36"/>
      <c r="J10" s="36"/>
    </row>
    <row r="11" spans="1:10" x14ac:dyDescent="0.25">
      <c r="A11" s="5" t="s">
        <v>64</v>
      </c>
      <c r="B11" s="40">
        <v>100</v>
      </c>
      <c r="C11" s="40">
        <v>100</v>
      </c>
      <c r="D11" s="43"/>
      <c r="E11" s="43"/>
      <c r="F11" s="43"/>
      <c r="G11" s="43"/>
      <c r="I11" s="36"/>
      <c r="J11" s="36"/>
    </row>
    <row r="12" spans="1:10" x14ac:dyDescent="0.25">
      <c r="A12" s="5" t="s">
        <v>65</v>
      </c>
      <c r="B12" s="47">
        <v>106.0593967019813</v>
      </c>
      <c r="C12" s="48">
        <v>95.733611125970981</v>
      </c>
      <c r="D12" s="51"/>
      <c r="E12" s="50"/>
      <c r="F12" s="51"/>
      <c r="G12" s="51"/>
      <c r="I12" s="36"/>
      <c r="J12" s="36"/>
    </row>
    <row r="13" spans="1:10" x14ac:dyDescent="0.25">
      <c r="A13" s="5" t="s">
        <v>66</v>
      </c>
      <c r="B13" s="47">
        <v>109.60053846953073</v>
      </c>
      <c r="C13" s="48">
        <v>92.32888887471492</v>
      </c>
      <c r="D13" s="51"/>
      <c r="E13" s="50"/>
      <c r="F13" s="51"/>
      <c r="G13" s="51"/>
      <c r="I13" s="36"/>
      <c r="J13" s="36"/>
    </row>
    <row r="14" spans="1:10" x14ac:dyDescent="0.25">
      <c r="A14" s="5" t="s">
        <v>67</v>
      </c>
      <c r="B14" s="47">
        <v>118.59089194161466</v>
      </c>
      <c r="C14" s="48">
        <v>105.96070174394023</v>
      </c>
      <c r="D14" s="51"/>
      <c r="E14" s="50"/>
      <c r="F14" s="51"/>
      <c r="G14" s="51"/>
      <c r="I14" s="36"/>
      <c r="J14" s="36"/>
    </row>
    <row r="15" spans="1:10" x14ac:dyDescent="0.25">
      <c r="A15" s="5" t="s">
        <v>68</v>
      </c>
      <c r="B15" s="47">
        <v>122.05498240295655</v>
      </c>
      <c r="C15" s="49">
        <v>108.32898269114666</v>
      </c>
      <c r="D15" s="51"/>
      <c r="E15" s="50"/>
      <c r="F15" s="51"/>
      <c r="G15" s="51"/>
      <c r="I15" s="36"/>
      <c r="J15" s="36"/>
    </row>
    <row r="16" spans="1:10" x14ac:dyDescent="0.25">
      <c r="A16" s="5" t="s">
        <v>69</v>
      </c>
      <c r="B16" s="47">
        <v>122.71650105157205</v>
      </c>
      <c r="C16" s="52">
        <v>116.09919414198184</v>
      </c>
      <c r="D16" s="51"/>
      <c r="E16" s="50"/>
      <c r="F16" s="51"/>
      <c r="G16" s="51"/>
      <c r="I16" s="36"/>
      <c r="J16" s="36"/>
    </row>
    <row r="17" spans="1:10" x14ac:dyDescent="0.25">
      <c r="A17" s="5" t="s">
        <v>70</v>
      </c>
      <c r="B17" s="47">
        <v>75.688345704877364</v>
      </c>
      <c r="C17" s="48">
        <v>96.074443754286222</v>
      </c>
      <c r="D17" s="51"/>
      <c r="E17" s="50"/>
      <c r="F17" s="51"/>
      <c r="G17" s="51"/>
      <c r="I17" s="36"/>
      <c r="J17" s="36"/>
    </row>
    <row r="18" spans="1:10" x14ac:dyDescent="0.25">
      <c r="A18" s="5" t="s">
        <v>71</v>
      </c>
      <c r="B18" s="47">
        <v>102.37982830325554</v>
      </c>
      <c r="C18" s="48">
        <v>115.60112222141983</v>
      </c>
      <c r="D18" s="51"/>
      <c r="E18" s="50"/>
      <c r="F18" s="51"/>
      <c r="G18" s="51"/>
    </row>
    <row r="19" spans="1:10" x14ac:dyDescent="0.25">
      <c r="A19" s="5" t="s">
        <v>72</v>
      </c>
      <c r="B19" s="47">
        <v>94.012954929640983</v>
      </c>
      <c r="C19" s="48">
        <v>114.88327920628944</v>
      </c>
      <c r="D19" s="51"/>
      <c r="E19" s="50"/>
      <c r="F19" s="51"/>
      <c r="G19" s="51"/>
    </row>
    <row r="20" spans="1:10" x14ac:dyDescent="0.25">
      <c r="A20" s="5" t="s">
        <v>73</v>
      </c>
      <c r="B20" s="47">
        <v>94.934737578845784</v>
      </c>
      <c r="C20" s="48">
        <v>115.34741761823489</v>
      </c>
      <c r="D20" s="51"/>
      <c r="E20" s="50"/>
      <c r="F20" s="51"/>
      <c r="G20" s="51"/>
    </row>
    <row r="21" spans="1:10" x14ac:dyDescent="0.25">
      <c r="A21" s="5" t="s">
        <v>74</v>
      </c>
      <c r="B21" s="47">
        <v>104.53191683614963</v>
      </c>
      <c r="C21" s="48">
        <v>116.21773997065965</v>
      </c>
      <c r="D21" s="51"/>
      <c r="E21" s="50"/>
      <c r="F21" s="51"/>
      <c r="G21" s="51"/>
    </row>
    <row r="22" spans="1:10" x14ac:dyDescent="0.25">
      <c r="A22" s="5" t="s">
        <v>75</v>
      </c>
      <c r="B22" s="47">
        <v>97.882945492058951</v>
      </c>
      <c r="C22" s="48">
        <v>108.67334258689547</v>
      </c>
      <c r="D22" s="51"/>
      <c r="E22" s="51"/>
      <c r="F22" s="51"/>
      <c r="G22" s="51"/>
    </row>
    <row r="23" spans="1:10" x14ac:dyDescent="0.25">
      <c r="A23" s="5" t="s">
        <v>76</v>
      </c>
      <c r="B23" s="47">
        <v>93.829411207287222</v>
      </c>
      <c r="C23" s="52">
        <v>102.89485779544643</v>
      </c>
      <c r="D23" s="51"/>
      <c r="E23" s="51"/>
      <c r="F23" s="51"/>
      <c r="G23" s="51"/>
    </row>
    <row r="24" spans="1:10" x14ac:dyDescent="0.25">
      <c r="A24" s="5" t="s">
        <v>77</v>
      </c>
      <c r="B24" s="47">
        <v>84.090989020697464</v>
      </c>
      <c r="C24" s="53">
        <v>97.475835267381456</v>
      </c>
    </row>
    <row r="25" spans="1:10" x14ac:dyDescent="0.25">
      <c r="A25" s="5" t="s">
        <v>78</v>
      </c>
      <c r="B25" s="47">
        <v>91.190966243353103</v>
      </c>
      <c r="C25" s="47">
        <v>98.776930864549229</v>
      </c>
    </row>
    <row r="26" spans="1:10" x14ac:dyDescent="0.25">
      <c r="A26" s="5" t="s">
        <v>79</v>
      </c>
      <c r="B26" s="47">
        <v>96.955171710319831</v>
      </c>
      <c r="C26" s="47">
        <v>101.40544445996544</v>
      </c>
    </row>
    <row r="27" spans="1:10" x14ac:dyDescent="0.25">
      <c r="A27" s="5" t="s">
        <v>80</v>
      </c>
      <c r="B27" s="47">
        <v>94.788849403540993</v>
      </c>
      <c r="C27" s="47">
        <v>93.743332689831647</v>
      </c>
    </row>
    <row r="28" spans="1:10" x14ac:dyDescent="0.25">
      <c r="A28" s="5" t="s">
        <v>81</v>
      </c>
      <c r="B28" s="6">
        <v>90.567699003484591</v>
      </c>
      <c r="C28" s="47">
        <v>92.673652823725632</v>
      </c>
    </row>
    <row r="29" spans="1:10" x14ac:dyDescent="0.25">
      <c r="A29" s="5" t="s">
        <v>82</v>
      </c>
      <c r="B29" s="6">
        <v>88.921609169388645</v>
      </c>
      <c r="C29" s="6">
        <v>89.99465014431064</v>
      </c>
    </row>
    <row r="30" spans="1:10" x14ac:dyDescent="0.25">
      <c r="A30" s="5" t="s">
        <v>83</v>
      </c>
      <c r="B30" s="6">
        <v>97.45624534086754</v>
      </c>
      <c r="C30" s="6">
        <v>99.910873779971695</v>
      </c>
    </row>
    <row r="31" spans="1:10" x14ac:dyDescent="0.25">
      <c r="A31" s="5" t="s">
        <v>84</v>
      </c>
      <c r="B31" s="6">
        <v>102.94676064952981</v>
      </c>
      <c r="C31" s="6">
        <v>102.89786938577188</v>
      </c>
    </row>
    <row r="32" spans="1:10" x14ac:dyDescent="0.25">
      <c r="A32" s="5" t="s">
        <v>85</v>
      </c>
      <c r="B32" s="6">
        <v>86.750272798606034</v>
      </c>
      <c r="C32" s="6">
        <v>87.350208809160051</v>
      </c>
    </row>
    <row r="33" spans="1:3" x14ac:dyDescent="0.25">
      <c r="A33" s="5" t="s">
        <v>86</v>
      </c>
      <c r="B33" s="6">
        <v>88.539207956294177</v>
      </c>
      <c r="C33" s="6">
        <v>87.726127165799582</v>
      </c>
    </row>
    <row r="34" spans="1:3" x14ac:dyDescent="0.25">
      <c r="A34" s="5" t="s">
        <v>87</v>
      </c>
      <c r="B34" s="6">
        <v>92.807017500908159</v>
      </c>
      <c r="C34" s="6">
        <v>90.114415570423517</v>
      </c>
    </row>
    <row r="35" spans="1:3" x14ac:dyDescent="0.25">
      <c r="A35" s="5" t="s">
        <v>88</v>
      </c>
      <c r="B35" s="6">
        <v>91.581067524464004</v>
      </c>
      <c r="C35" s="6">
        <v>89.029034856175699</v>
      </c>
    </row>
    <row r="36" spans="1:3" x14ac:dyDescent="0.25">
      <c r="A36" s="5" t="s">
        <v>89</v>
      </c>
      <c r="B36" s="6">
        <v>94.681298918932526</v>
      </c>
      <c r="C36" s="6">
        <v>90.166019011589739</v>
      </c>
    </row>
    <row r="37" spans="1:3" x14ac:dyDescent="0.25">
      <c r="A37" s="5" t="s">
        <v>90</v>
      </c>
      <c r="B37" s="6">
        <v>101.5756872799578</v>
      </c>
      <c r="C37" s="6">
        <v>94.911709737274379</v>
      </c>
    </row>
    <row r="38" spans="1:3" x14ac:dyDescent="0.25">
      <c r="A38" s="5" t="s">
        <v>91</v>
      </c>
      <c r="B38" s="6">
        <v>87.512312590179448</v>
      </c>
      <c r="C38" s="6">
        <v>88.266958353694875</v>
      </c>
    </row>
    <row r="39" spans="1:3" x14ac:dyDescent="0.25">
      <c r="A39" s="5" t="s">
        <v>92</v>
      </c>
      <c r="B39" s="6">
        <v>86.927504490916391</v>
      </c>
      <c r="C39" s="6">
        <v>86.653572256490278</v>
      </c>
    </row>
  </sheetData>
  <pageMargins left="0.7" right="0.7" top="0.75" bottom="0.75" header="0.3" footer="0.3"/>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DD7F2A5-7C6D-4CBA-B712-6290635FC7DD}">
  <dimension ref="A1:J73"/>
  <sheetViews>
    <sheetView workbookViewId="0">
      <selection activeCell="B73" sqref="B73"/>
    </sheetView>
  </sheetViews>
  <sheetFormatPr defaultColWidth="8.6640625" defaultRowHeight="13.2" x14ac:dyDescent="0.25"/>
  <cols>
    <col min="1" max="1" width="16.6640625" style="5" customWidth="1"/>
    <col min="2" max="2" width="49.6640625" style="5" customWidth="1"/>
    <col min="3" max="3" width="25.6640625" style="5" bestFit="1" customWidth="1"/>
    <col min="4" max="4" width="11.88671875" style="5" bestFit="1" customWidth="1"/>
    <col min="5" max="7" width="5.5546875" style="5" bestFit="1" customWidth="1"/>
    <col min="8" max="16384" width="8.6640625" style="5"/>
  </cols>
  <sheetData>
    <row r="1" spans="1:10" s="19" customFormat="1" ht="13.8" x14ac:dyDescent="0.25">
      <c r="A1" s="18" t="s">
        <v>46</v>
      </c>
      <c r="B1" s="20"/>
      <c r="C1" s="20"/>
    </row>
    <row r="2" spans="1:10" customFormat="1" x14ac:dyDescent="0.25">
      <c r="A2" s="21" t="s">
        <v>2</v>
      </c>
      <c r="B2" t="s">
        <v>47</v>
      </c>
    </row>
    <row r="3" spans="1:10" customFormat="1" x14ac:dyDescent="0.25">
      <c r="A3" s="21" t="s">
        <v>102</v>
      </c>
    </row>
    <row r="4" spans="1:10" customFormat="1" x14ac:dyDescent="0.25">
      <c r="A4" s="21" t="s">
        <v>103</v>
      </c>
      <c r="B4" s="1"/>
    </row>
    <row r="5" spans="1:10" customFormat="1" x14ac:dyDescent="0.25">
      <c r="A5" s="21" t="s">
        <v>3</v>
      </c>
    </row>
    <row r="6" spans="1:10" customFormat="1" x14ac:dyDescent="0.25"/>
    <row r="7" spans="1:10" s="22" customFormat="1" x14ac:dyDescent="0.25">
      <c r="A7" s="23" t="s">
        <v>59</v>
      </c>
    </row>
    <row r="8" spans="1:10" x14ac:dyDescent="0.25">
      <c r="B8" s="40"/>
      <c r="C8" s="61"/>
      <c r="D8" s="61"/>
    </row>
    <row r="9" spans="1:10" x14ac:dyDescent="0.25">
      <c r="A9" s="34" t="s">
        <v>229</v>
      </c>
      <c r="B9" s="40"/>
      <c r="C9" s="46"/>
      <c r="D9" s="40"/>
      <c r="E9" s="40"/>
      <c r="F9" s="40"/>
      <c r="G9" s="40"/>
    </row>
    <row r="10" spans="1:10" x14ac:dyDescent="0.25">
      <c r="B10" s="40" t="s">
        <v>230</v>
      </c>
      <c r="C10" s="46" t="s">
        <v>231</v>
      </c>
      <c r="D10" s="40" t="s">
        <v>232</v>
      </c>
      <c r="E10" s="40"/>
      <c r="F10" s="40"/>
      <c r="G10" s="40"/>
      <c r="I10" s="36"/>
      <c r="J10" s="36"/>
    </row>
    <row r="11" spans="1:10" x14ac:dyDescent="0.25">
      <c r="A11" s="5" t="s">
        <v>64</v>
      </c>
      <c r="B11" s="40">
        <v>100</v>
      </c>
      <c r="C11" s="40">
        <v>100</v>
      </c>
      <c r="D11" s="40">
        <v>100</v>
      </c>
      <c r="E11" s="40"/>
      <c r="F11" s="40"/>
      <c r="G11" s="40"/>
      <c r="I11" s="36"/>
      <c r="J11" s="36"/>
    </row>
    <row r="12" spans="1:10" x14ac:dyDescent="0.25">
      <c r="A12" s="5" t="s">
        <v>65</v>
      </c>
      <c r="B12" s="40">
        <v>104</v>
      </c>
      <c r="C12" s="72">
        <v>102</v>
      </c>
      <c r="D12" s="71">
        <v>100</v>
      </c>
      <c r="E12" s="50"/>
      <c r="F12" s="51"/>
      <c r="G12" s="51"/>
      <c r="I12" s="36"/>
      <c r="J12" s="36"/>
    </row>
    <row r="13" spans="1:10" x14ac:dyDescent="0.25">
      <c r="A13" s="5" t="s">
        <v>66</v>
      </c>
      <c r="B13" s="40">
        <v>107</v>
      </c>
      <c r="C13" s="72">
        <v>104</v>
      </c>
      <c r="D13" s="71">
        <v>100</v>
      </c>
      <c r="E13" s="50"/>
      <c r="F13" s="51"/>
      <c r="G13" s="51"/>
      <c r="I13" s="36"/>
      <c r="J13" s="36"/>
    </row>
    <row r="14" spans="1:10" x14ac:dyDescent="0.25">
      <c r="A14" s="5" t="s">
        <v>67</v>
      </c>
      <c r="B14" s="40">
        <v>111</v>
      </c>
      <c r="C14" s="72">
        <v>106</v>
      </c>
      <c r="D14" s="71">
        <v>100</v>
      </c>
      <c r="E14" s="50"/>
      <c r="F14" s="51"/>
      <c r="G14" s="51"/>
      <c r="I14" s="36"/>
      <c r="J14" s="36"/>
    </row>
    <row r="15" spans="1:10" x14ac:dyDescent="0.25">
      <c r="A15" s="5" t="s">
        <v>68</v>
      </c>
      <c r="B15" s="40">
        <v>115</v>
      </c>
      <c r="C15" s="71">
        <v>108</v>
      </c>
      <c r="D15" s="71">
        <v>100</v>
      </c>
      <c r="E15" s="50"/>
      <c r="F15" s="51"/>
      <c r="G15" s="51"/>
      <c r="I15" s="36"/>
      <c r="J15" s="36"/>
    </row>
    <row r="16" spans="1:10" x14ac:dyDescent="0.25">
      <c r="A16" s="5" t="s">
        <v>69</v>
      </c>
      <c r="B16" s="40">
        <v>119</v>
      </c>
      <c r="C16" s="73">
        <v>110</v>
      </c>
      <c r="D16" s="71">
        <v>100</v>
      </c>
      <c r="E16" s="50"/>
      <c r="F16" s="51"/>
      <c r="G16" s="51"/>
      <c r="I16" s="36"/>
      <c r="J16" s="36"/>
    </row>
    <row r="17" spans="1:10" x14ac:dyDescent="0.25">
      <c r="A17" s="5" t="s">
        <v>70</v>
      </c>
      <c r="B17" s="40">
        <v>123</v>
      </c>
      <c r="C17" s="72">
        <v>113</v>
      </c>
      <c r="D17" s="71">
        <v>100</v>
      </c>
      <c r="E17" s="50"/>
      <c r="F17" s="51"/>
      <c r="G17" s="51"/>
      <c r="I17" s="36"/>
      <c r="J17" s="36"/>
    </row>
    <row r="18" spans="1:10" x14ac:dyDescent="0.25">
      <c r="A18" s="5" t="s">
        <v>71</v>
      </c>
      <c r="B18" s="40">
        <v>127</v>
      </c>
      <c r="C18" s="72">
        <v>115</v>
      </c>
      <c r="D18" s="71">
        <v>100</v>
      </c>
      <c r="E18" s="50"/>
      <c r="F18" s="51"/>
      <c r="G18" s="51"/>
    </row>
    <row r="19" spans="1:10" x14ac:dyDescent="0.25">
      <c r="A19" s="5" t="s">
        <v>72</v>
      </c>
      <c r="B19" s="40">
        <v>132</v>
      </c>
      <c r="C19" s="72">
        <v>117</v>
      </c>
      <c r="D19" s="71">
        <v>100</v>
      </c>
      <c r="E19" s="50"/>
      <c r="F19" s="51"/>
      <c r="G19" s="51"/>
    </row>
    <row r="20" spans="1:10" x14ac:dyDescent="0.25">
      <c r="A20" s="5" t="s">
        <v>73</v>
      </c>
      <c r="B20" s="40">
        <v>136</v>
      </c>
      <c r="C20" s="72">
        <v>120</v>
      </c>
      <c r="D20" s="71">
        <v>100</v>
      </c>
      <c r="E20" s="50"/>
      <c r="F20" s="51"/>
      <c r="G20" s="51"/>
    </row>
    <row r="21" spans="1:10" x14ac:dyDescent="0.25">
      <c r="A21" s="5" t="s">
        <v>74</v>
      </c>
      <c r="B21" s="40">
        <v>141</v>
      </c>
      <c r="C21" s="72">
        <v>122</v>
      </c>
      <c r="D21" s="71">
        <v>100</v>
      </c>
      <c r="E21" s="50"/>
      <c r="F21" s="51"/>
      <c r="G21" s="51"/>
    </row>
    <row r="22" spans="1:10" x14ac:dyDescent="0.25">
      <c r="A22" s="5" t="s">
        <v>75</v>
      </c>
      <c r="B22" s="40">
        <v>146</v>
      </c>
      <c r="C22" s="72">
        <v>124</v>
      </c>
      <c r="D22" s="71">
        <v>100</v>
      </c>
      <c r="E22" s="51"/>
      <c r="F22" s="51"/>
      <c r="G22" s="51"/>
    </row>
    <row r="23" spans="1:10" x14ac:dyDescent="0.25">
      <c r="A23" s="5" t="s">
        <v>76</v>
      </c>
      <c r="B23" s="40">
        <v>151</v>
      </c>
      <c r="C23" s="73">
        <v>127</v>
      </c>
      <c r="D23" s="71">
        <v>100</v>
      </c>
      <c r="E23" s="51"/>
      <c r="F23" s="51"/>
      <c r="G23" s="51"/>
    </row>
    <row r="24" spans="1:10" x14ac:dyDescent="0.25">
      <c r="A24" s="5" t="s">
        <v>77</v>
      </c>
      <c r="B24" s="40">
        <v>156</v>
      </c>
      <c r="C24" s="61">
        <v>129</v>
      </c>
      <c r="D24" s="5">
        <v>100</v>
      </c>
    </row>
    <row r="25" spans="1:10" x14ac:dyDescent="0.25">
      <c r="A25" s="5" t="s">
        <v>78</v>
      </c>
      <c r="B25" s="40">
        <v>162</v>
      </c>
      <c r="C25" s="40">
        <v>132</v>
      </c>
      <c r="D25" s="5">
        <v>100</v>
      </c>
    </row>
    <row r="26" spans="1:10" x14ac:dyDescent="0.25">
      <c r="A26" s="5" t="s">
        <v>79</v>
      </c>
      <c r="B26" s="40">
        <v>168</v>
      </c>
      <c r="C26" s="40">
        <v>135</v>
      </c>
      <c r="D26" s="5">
        <v>100</v>
      </c>
    </row>
    <row r="27" spans="1:10" x14ac:dyDescent="0.25">
      <c r="A27" s="5" t="s">
        <v>80</v>
      </c>
      <c r="B27" s="40">
        <v>173</v>
      </c>
      <c r="C27" s="40">
        <v>137</v>
      </c>
      <c r="D27" s="5">
        <v>100</v>
      </c>
    </row>
    <row r="28" spans="1:10" x14ac:dyDescent="0.25">
      <c r="A28" s="5" t="s">
        <v>81</v>
      </c>
      <c r="B28" s="5">
        <v>179</v>
      </c>
      <c r="C28" s="40">
        <v>140</v>
      </c>
      <c r="D28" s="5">
        <v>100</v>
      </c>
    </row>
    <row r="29" spans="1:10" x14ac:dyDescent="0.25">
      <c r="A29" s="5" t="s">
        <v>82</v>
      </c>
      <c r="B29" s="5">
        <v>186</v>
      </c>
      <c r="C29" s="5">
        <v>143</v>
      </c>
      <c r="D29" s="5">
        <v>100</v>
      </c>
    </row>
    <row r="30" spans="1:10" x14ac:dyDescent="0.25">
      <c r="A30" s="5" t="s">
        <v>83</v>
      </c>
      <c r="B30" s="5">
        <v>192</v>
      </c>
      <c r="C30" s="5">
        <v>146</v>
      </c>
      <c r="D30" s="5">
        <v>100</v>
      </c>
    </row>
    <row r="31" spans="1:10" x14ac:dyDescent="0.25">
      <c r="A31" s="5" t="s">
        <v>84</v>
      </c>
      <c r="B31" s="5">
        <v>199</v>
      </c>
      <c r="C31" s="5">
        <v>149</v>
      </c>
      <c r="D31" s="5">
        <v>100</v>
      </c>
    </row>
    <row r="32" spans="1:10" x14ac:dyDescent="0.25">
      <c r="A32" s="5" t="s">
        <v>85</v>
      </c>
      <c r="B32" s="5">
        <v>206</v>
      </c>
      <c r="C32" s="5">
        <v>152</v>
      </c>
      <c r="D32" s="5">
        <v>100</v>
      </c>
    </row>
    <row r="33" spans="1:4" x14ac:dyDescent="0.25">
      <c r="A33" s="5" t="s">
        <v>86</v>
      </c>
      <c r="B33" s="5">
        <v>213</v>
      </c>
      <c r="C33" s="5">
        <v>155</v>
      </c>
      <c r="D33" s="5">
        <v>100</v>
      </c>
    </row>
    <row r="34" spans="1:4" x14ac:dyDescent="0.25">
      <c r="A34" s="5" t="s">
        <v>87</v>
      </c>
      <c r="B34" s="5">
        <v>221</v>
      </c>
      <c r="C34" s="5">
        <v>158</v>
      </c>
      <c r="D34" s="5">
        <v>100</v>
      </c>
    </row>
    <row r="35" spans="1:4" x14ac:dyDescent="0.25">
      <c r="A35" s="5" t="s">
        <v>88</v>
      </c>
      <c r="B35" s="5">
        <v>228</v>
      </c>
      <c r="C35" s="5">
        <v>161</v>
      </c>
      <c r="D35" s="5">
        <v>100</v>
      </c>
    </row>
    <row r="36" spans="1:4" x14ac:dyDescent="0.25">
      <c r="A36" s="5" t="s">
        <v>89</v>
      </c>
      <c r="B36" s="5">
        <v>236</v>
      </c>
      <c r="C36" s="5">
        <v>164</v>
      </c>
      <c r="D36" s="5">
        <v>100</v>
      </c>
    </row>
    <row r="37" spans="1:4" x14ac:dyDescent="0.25">
      <c r="A37" s="5" t="s">
        <v>90</v>
      </c>
      <c r="B37" s="5">
        <v>245</v>
      </c>
      <c r="C37" s="5">
        <v>167</v>
      </c>
      <c r="D37" s="5">
        <v>100</v>
      </c>
    </row>
    <row r="38" spans="1:4" x14ac:dyDescent="0.25">
      <c r="A38" s="5" t="s">
        <v>91</v>
      </c>
      <c r="B38" s="5">
        <v>253</v>
      </c>
      <c r="C38" s="5">
        <v>171</v>
      </c>
      <c r="D38" s="5">
        <v>100</v>
      </c>
    </row>
    <row r="39" spans="1:4" x14ac:dyDescent="0.25">
      <c r="A39" s="5" t="s">
        <v>92</v>
      </c>
      <c r="B39" s="5">
        <v>262</v>
      </c>
      <c r="C39" s="5">
        <v>174</v>
      </c>
      <c r="D39" s="5">
        <v>100</v>
      </c>
    </row>
    <row r="40" spans="1:4" x14ac:dyDescent="0.25">
      <c r="A40" s="5" t="s">
        <v>118</v>
      </c>
      <c r="B40" s="5">
        <v>271</v>
      </c>
      <c r="C40" s="5">
        <v>178</v>
      </c>
      <c r="D40" s="5">
        <v>100</v>
      </c>
    </row>
    <row r="42" spans="1:4" x14ac:dyDescent="0.25">
      <c r="A42" s="34" t="s">
        <v>233</v>
      </c>
    </row>
    <row r="43" spans="1:4" x14ac:dyDescent="0.25">
      <c r="B43" s="40" t="s">
        <v>234</v>
      </c>
      <c r="C43" s="46" t="s">
        <v>235</v>
      </c>
      <c r="D43" s="40" t="s">
        <v>232</v>
      </c>
    </row>
    <row r="44" spans="1:4" x14ac:dyDescent="0.25">
      <c r="A44" s="5" t="s">
        <v>64</v>
      </c>
      <c r="B44" s="5">
        <v>100</v>
      </c>
      <c r="C44" s="5">
        <v>100</v>
      </c>
      <c r="D44" s="40">
        <v>100</v>
      </c>
    </row>
    <row r="45" spans="1:4" x14ac:dyDescent="0.25">
      <c r="A45" s="5" t="s">
        <v>65</v>
      </c>
      <c r="B45" s="5">
        <v>103</v>
      </c>
      <c r="C45" s="5">
        <v>105</v>
      </c>
      <c r="D45" s="71">
        <v>100</v>
      </c>
    </row>
    <row r="46" spans="1:4" x14ac:dyDescent="0.25">
      <c r="A46" s="5" t="s">
        <v>66</v>
      </c>
      <c r="B46" s="5">
        <v>107</v>
      </c>
      <c r="C46" s="5">
        <v>110</v>
      </c>
      <c r="D46" s="71">
        <v>100</v>
      </c>
    </row>
    <row r="47" spans="1:4" x14ac:dyDescent="0.25">
      <c r="A47" s="5" t="s">
        <v>67</v>
      </c>
      <c r="B47" s="5">
        <v>110</v>
      </c>
      <c r="C47" s="5">
        <v>115</v>
      </c>
      <c r="D47" s="71">
        <v>100</v>
      </c>
    </row>
    <row r="48" spans="1:4" x14ac:dyDescent="0.25">
      <c r="A48" s="5" t="s">
        <v>68</v>
      </c>
      <c r="B48" s="5">
        <v>114</v>
      </c>
      <c r="C48" s="5">
        <v>121</v>
      </c>
      <c r="D48" s="71">
        <v>100</v>
      </c>
    </row>
    <row r="49" spans="1:4" x14ac:dyDescent="0.25">
      <c r="A49" s="5" t="s">
        <v>69</v>
      </c>
      <c r="B49" s="5">
        <v>118</v>
      </c>
      <c r="C49" s="5">
        <v>127</v>
      </c>
      <c r="D49" s="71">
        <v>100</v>
      </c>
    </row>
    <row r="50" spans="1:4" x14ac:dyDescent="0.25">
      <c r="A50" s="5" t="s">
        <v>70</v>
      </c>
      <c r="B50" s="5">
        <v>122</v>
      </c>
      <c r="C50" s="5">
        <v>133</v>
      </c>
      <c r="D50" s="71">
        <v>100</v>
      </c>
    </row>
    <row r="51" spans="1:4" x14ac:dyDescent="0.25">
      <c r="A51" s="5" t="s">
        <v>71</v>
      </c>
      <c r="B51" s="5">
        <v>126</v>
      </c>
      <c r="C51" s="5">
        <v>140</v>
      </c>
      <c r="D51" s="71">
        <v>100</v>
      </c>
    </row>
    <row r="52" spans="1:4" x14ac:dyDescent="0.25">
      <c r="A52" s="5" t="s">
        <v>72</v>
      </c>
      <c r="B52" s="5">
        <v>130</v>
      </c>
      <c r="C52" s="5">
        <v>147</v>
      </c>
      <c r="D52" s="71">
        <v>100</v>
      </c>
    </row>
    <row r="53" spans="1:4" x14ac:dyDescent="0.25">
      <c r="A53" s="5" t="s">
        <v>73</v>
      </c>
      <c r="B53" s="5">
        <v>135</v>
      </c>
      <c r="C53" s="5">
        <v>154</v>
      </c>
      <c r="D53" s="71">
        <v>100</v>
      </c>
    </row>
    <row r="54" spans="1:4" x14ac:dyDescent="0.25">
      <c r="A54" s="5" t="s">
        <v>74</v>
      </c>
      <c r="B54" s="5">
        <v>139</v>
      </c>
      <c r="C54" s="5">
        <v>161</v>
      </c>
      <c r="D54" s="71">
        <v>100</v>
      </c>
    </row>
    <row r="55" spans="1:4" x14ac:dyDescent="0.25">
      <c r="A55" s="5" t="s">
        <v>75</v>
      </c>
      <c r="B55" s="5">
        <v>144</v>
      </c>
      <c r="C55" s="5">
        <v>169</v>
      </c>
      <c r="D55" s="71">
        <v>100</v>
      </c>
    </row>
    <row r="56" spans="1:4" x14ac:dyDescent="0.25">
      <c r="A56" s="5" t="s">
        <v>76</v>
      </c>
      <c r="B56" s="5">
        <v>149</v>
      </c>
      <c r="C56" s="5">
        <v>178</v>
      </c>
      <c r="D56" s="71">
        <v>100</v>
      </c>
    </row>
    <row r="57" spans="1:4" x14ac:dyDescent="0.25">
      <c r="A57" s="5" t="s">
        <v>77</v>
      </c>
      <c r="B57" s="5">
        <v>154</v>
      </c>
      <c r="C57" s="5">
        <v>186</v>
      </c>
      <c r="D57" s="5">
        <v>100</v>
      </c>
    </row>
    <row r="58" spans="1:4" x14ac:dyDescent="0.25">
      <c r="A58" s="5" t="s">
        <v>78</v>
      </c>
      <c r="B58" s="5">
        <v>159</v>
      </c>
      <c r="C58" s="5">
        <v>195</v>
      </c>
      <c r="D58" s="5">
        <v>100</v>
      </c>
    </row>
    <row r="59" spans="1:4" x14ac:dyDescent="0.25">
      <c r="A59" s="5" t="s">
        <v>79</v>
      </c>
      <c r="B59" s="5">
        <v>165</v>
      </c>
      <c r="C59" s="5">
        <v>205</v>
      </c>
      <c r="D59" s="5">
        <v>100</v>
      </c>
    </row>
    <row r="60" spans="1:4" x14ac:dyDescent="0.25">
      <c r="A60" s="5" t="s">
        <v>80</v>
      </c>
      <c r="B60" s="5">
        <v>170</v>
      </c>
      <c r="C60" s="5">
        <v>215</v>
      </c>
      <c r="D60" s="5">
        <v>100</v>
      </c>
    </row>
    <row r="61" spans="1:4" x14ac:dyDescent="0.25">
      <c r="A61" s="5" t="s">
        <v>81</v>
      </c>
      <c r="B61" s="5">
        <v>176</v>
      </c>
      <c r="C61" s="5">
        <v>226</v>
      </c>
      <c r="D61" s="5">
        <v>100</v>
      </c>
    </row>
    <row r="62" spans="1:4" x14ac:dyDescent="0.25">
      <c r="A62" s="5" t="s">
        <v>82</v>
      </c>
      <c r="B62" s="5">
        <v>182</v>
      </c>
      <c r="C62" s="5">
        <v>237</v>
      </c>
      <c r="D62" s="5">
        <v>100</v>
      </c>
    </row>
    <row r="63" spans="1:4" x14ac:dyDescent="0.25">
      <c r="A63" s="5" t="s">
        <v>83</v>
      </c>
      <c r="B63" s="5">
        <v>188</v>
      </c>
      <c r="C63" s="5">
        <v>248</v>
      </c>
      <c r="D63" s="5">
        <v>100</v>
      </c>
    </row>
    <row r="64" spans="1:4" x14ac:dyDescent="0.25">
      <c r="A64" s="5" t="s">
        <v>84</v>
      </c>
      <c r="B64" s="5">
        <v>194</v>
      </c>
      <c r="C64" s="5">
        <v>260</v>
      </c>
      <c r="D64" s="5">
        <v>100</v>
      </c>
    </row>
    <row r="65" spans="1:4" x14ac:dyDescent="0.25">
      <c r="A65" s="5" t="s">
        <v>85</v>
      </c>
      <c r="B65" s="5">
        <v>201</v>
      </c>
      <c r="C65" s="5">
        <v>273</v>
      </c>
      <c r="D65" s="5">
        <v>100</v>
      </c>
    </row>
    <row r="66" spans="1:4" x14ac:dyDescent="0.25">
      <c r="A66" s="5" t="s">
        <v>86</v>
      </c>
      <c r="B66" s="5">
        <v>208</v>
      </c>
      <c r="C66" s="5">
        <v>287</v>
      </c>
      <c r="D66" s="5">
        <v>100</v>
      </c>
    </row>
    <row r="67" spans="1:4" x14ac:dyDescent="0.25">
      <c r="A67" s="5" t="s">
        <v>87</v>
      </c>
      <c r="B67" s="5">
        <v>215</v>
      </c>
      <c r="C67" s="5">
        <v>301</v>
      </c>
      <c r="D67" s="5">
        <v>100</v>
      </c>
    </row>
    <row r="68" spans="1:4" x14ac:dyDescent="0.25">
      <c r="A68" s="5" t="s">
        <v>88</v>
      </c>
      <c r="B68" s="5">
        <v>222</v>
      </c>
      <c r="C68" s="5">
        <v>315</v>
      </c>
      <c r="D68" s="5">
        <v>100</v>
      </c>
    </row>
    <row r="69" spans="1:4" x14ac:dyDescent="0.25">
      <c r="A69" s="5" t="s">
        <v>89</v>
      </c>
      <c r="B69" s="5">
        <v>230</v>
      </c>
      <c r="C69" s="5">
        <v>331</v>
      </c>
      <c r="D69" s="5">
        <v>100</v>
      </c>
    </row>
    <row r="70" spans="1:4" x14ac:dyDescent="0.25">
      <c r="A70" s="5" t="s">
        <v>90</v>
      </c>
      <c r="B70" s="5">
        <v>237</v>
      </c>
      <c r="C70" s="5">
        <v>347</v>
      </c>
      <c r="D70" s="5">
        <v>100</v>
      </c>
    </row>
    <row r="71" spans="1:4" x14ac:dyDescent="0.25">
      <c r="A71" s="5" t="s">
        <v>91</v>
      </c>
      <c r="B71" s="5">
        <v>245</v>
      </c>
      <c r="C71" s="5">
        <v>364</v>
      </c>
      <c r="D71" s="5">
        <v>100</v>
      </c>
    </row>
    <row r="72" spans="1:4" x14ac:dyDescent="0.25">
      <c r="A72" s="5" t="s">
        <v>92</v>
      </c>
      <c r="B72" s="5">
        <v>254</v>
      </c>
      <c r="C72" s="5">
        <v>382</v>
      </c>
      <c r="D72" s="5">
        <v>100</v>
      </c>
    </row>
    <row r="73" spans="1:4" x14ac:dyDescent="0.25">
      <c r="A73" s="5" t="s">
        <v>118</v>
      </c>
      <c r="B73" s="5">
        <v>262</v>
      </c>
      <c r="C73" s="5">
        <v>401</v>
      </c>
      <c r="D73" s="5">
        <v>100</v>
      </c>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78E7015-4256-49C2-AB6D-05D21097E076}">
  <dimension ref="A1:J36"/>
  <sheetViews>
    <sheetView workbookViewId="0">
      <selection activeCell="B8" sqref="B8"/>
    </sheetView>
  </sheetViews>
  <sheetFormatPr defaultColWidth="8.6640625" defaultRowHeight="13.2" x14ac:dyDescent="0.25"/>
  <cols>
    <col min="1" max="1" width="16.6640625" style="5" customWidth="1"/>
    <col min="2" max="2" width="67.33203125" style="5" customWidth="1"/>
    <col min="3" max="3" width="54" style="5" bestFit="1" customWidth="1"/>
    <col min="4" max="4" width="50.109375" style="5" bestFit="1" customWidth="1"/>
    <col min="5" max="7" width="5.5546875" style="5" bestFit="1" customWidth="1"/>
    <col min="8" max="16384" width="8.6640625" style="5"/>
  </cols>
  <sheetData>
    <row r="1" spans="1:10" s="19" customFormat="1" ht="13.8" x14ac:dyDescent="0.25">
      <c r="A1" s="18" t="s">
        <v>4</v>
      </c>
      <c r="B1" s="20"/>
      <c r="C1" s="20"/>
    </row>
    <row r="2" spans="1:10" customFormat="1" x14ac:dyDescent="0.25">
      <c r="A2" s="21" t="s">
        <v>2</v>
      </c>
      <c r="B2" t="s">
        <v>5</v>
      </c>
    </row>
    <row r="3" spans="1:10" customFormat="1" x14ac:dyDescent="0.25"/>
    <row r="4" spans="1:10" s="22" customFormat="1" x14ac:dyDescent="0.25">
      <c r="A4" s="23" t="s">
        <v>59</v>
      </c>
    </row>
    <row r="5" spans="1:10" x14ac:dyDescent="0.25">
      <c r="B5" s="40"/>
      <c r="C5" s="61"/>
      <c r="D5" s="61"/>
    </row>
    <row r="6" spans="1:10" x14ac:dyDescent="0.25">
      <c r="A6" s="34" t="s">
        <v>60</v>
      </c>
      <c r="B6" s="43"/>
      <c r="C6" s="44"/>
      <c r="D6" s="45"/>
      <c r="E6" s="40"/>
      <c r="F6" s="40"/>
      <c r="G6" s="40"/>
    </row>
    <row r="7" spans="1:10" x14ac:dyDescent="0.25">
      <c r="B7" s="40" t="s">
        <v>61</v>
      </c>
      <c r="C7" s="46" t="s">
        <v>62</v>
      </c>
      <c r="D7" s="40" t="s">
        <v>63</v>
      </c>
      <c r="E7" s="40"/>
      <c r="F7" s="40"/>
      <c r="G7" s="40"/>
      <c r="I7" s="36"/>
      <c r="J7" s="36"/>
    </row>
    <row r="8" spans="1:10" x14ac:dyDescent="0.25">
      <c r="A8" s="5" t="s">
        <v>64</v>
      </c>
      <c r="B8" s="47">
        <v>100</v>
      </c>
      <c r="C8" s="47">
        <v>100</v>
      </c>
      <c r="D8" s="47">
        <v>100</v>
      </c>
      <c r="E8" s="40"/>
      <c r="F8" s="40"/>
      <c r="G8" s="40"/>
      <c r="I8" s="36"/>
      <c r="J8" s="36"/>
    </row>
    <row r="9" spans="1:10" x14ac:dyDescent="0.25">
      <c r="A9" s="5" t="s">
        <v>65</v>
      </c>
      <c r="B9" s="47">
        <v>86.407309101495827</v>
      </c>
      <c r="C9" s="47">
        <v>103.3599397391438</v>
      </c>
      <c r="D9" s="47">
        <v>101.52757452127939</v>
      </c>
      <c r="E9" s="50"/>
      <c r="F9" s="51"/>
      <c r="G9" s="51"/>
      <c r="I9" s="36"/>
      <c r="J9" s="36"/>
    </row>
    <row r="10" spans="1:10" x14ac:dyDescent="0.25">
      <c r="A10" s="5" t="s">
        <v>66</v>
      </c>
      <c r="B10" s="47">
        <v>73.93617348876262</v>
      </c>
      <c r="C10" s="48">
        <v>105.0898993332563</v>
      </c>
      <c r="D10" s="49">
        <v>105.17000352091142</v>
      </c>
      <c r="E10" s="50"/>
      <c r="F10" s="51"/>
      <c r="G10" s="51"/>
      <c r="I10" s="36"/>
      <c r="J10" s="36"/>
    </row>
    <row r="11" spans="1:10" x14ac:dyDescent="0.25">
      <c r="A11" s="5" t="s">
        <v>67</v>
      </c>
      <c r="B11" s="47">
        <v>78.959310666786592</v>
      </c>
      <c r="C11" s="48">
        <v>105.13755881086513</v>
      </c>
      <c r="D11" s="49">
        <v>108.80506245938825</v>
      </c>
      <c r="E11" s="50"/>
      <c r="F11" s="51"/>
      <c r="G11" s="51"/>
      <c r="I11" s="36"/>
      <c r="J11" s="36"/>
    </row>
    <row r="12" spans="1:10" x14ac:dyDescent="0.25">
      <c r="A12" s="5" t="s">
        <v>68</v>
      </c>
      <c r="B12" s="47">
        <v>81.647643259137283</v>
      </c>
      <c r="C12" s="48">
        <v>103.14579263552272</v>
      </c>
      <c r="D12" s="49">
        <v>113.02189125881206</v>
      </c>
      <c r="E12" s="50"/>
      <c r="F12" s="51"/>
      <c r="G12" s="51"/>
      <c r="I12" s="36"/>
      <c r="J12" s="36"/>
    </row>
    <row r="13" spans="1:10" x14ac:dyDescent="0.25">
      <c r="A13" s="5" t="s">
        <v>69</v>
      </c>
      <c r="B13" s="47">
        <v>78.3632542717354</v>
      </c>
      <c r="C13" s="49">
        <v>102.78582921377159</v>
      </c>
      <c r="D13" s="49">
        <v>114.00235197591707</v>
      </c>
      <c r="E13" s="50"/>
      <c r="F13" s="51"/>
      <c r="G13" s="51"/>
      <c r="I13" s="36"/>
      <c r="J13" s="36"/>
    </row>
    <row r="14" spans="1:10" x14ac:dyDescent="0.25">
      <c r="A14" s="5" t="s">
        <v>70</v>
      </c>
      <c r="B14" s="47">
        <v>68.944130111900265</v>
      </c>
      <c r="C14" s="52">
        <v>78.233331311825822</v>
      </c>
      <c r="D14" s="49">
        <v>115.89369624592342</v>
      </c>
      <c r="E14" s="50"/>
      <c r="F14" s="51"/>
      <c r="G14" s="51"/>
      <c r="I14" s="36"/>
      <c r="J14" s="36"/>
    </row>
    <row r="15" spans="1:10" x14ac:dyDescent="0.25">
      <c r="A15" s="5" t="s">
        <v>71</v>
      </c>
      <c r="B15" s="47">
        <v>70.841156531232599</v>
      </c>
      <c r="C15" s="48">
        <v>102.1087104491252</v>
      </c>
      <c r="D15" s="49">
        <v>120.33652684035503</v>
      </c>
      <c r="E15" s="50"/>
      <c r="F15" s="51"/>
      <c r="G15" s="51"/>
    </row>
    <row r="16" spans="1:10" x14ac:dyDescent="0.25">
      <c r="A16" s="5" t="s">
        <v>72</v>
      </c>
      <c r="B16" s="47">
        <v>71.041191594762353</v>
      </c>
      <c r="C16" s="48">
        <v>95.130357749630122</v>
      </c>
      <c r="D16" s="49">
        <v>121.15639506997746</v>
      </c>
      <c r="E16" s="50"/>
      <c r="F16" s="51"/>
      <c r="G16" s="51"/>
    </row>
    <row r="17" spans="1:7" x14ac:dyDescent="0.25">
      <c r="A17" s="5" t="s">
        <v>73</v>
      </c>
      <c r="B17" s="47">
        <v>65.918308304748678</v>
      </c>
      <c r="C17" s="48">
        <v>95.477884756757831</v>
      </c>
      <c r="D17" s="49">
        <v>124.59848777856142</v>
      </c>
      <c r="E17" s="50"/>
      <c r="F17" s="51"/>
      <c r="G17" s="51"/>
    </row>
    <row r="18" spans="1:7" x14ac:dyDescent="0.25">
      <c r="A18" s="5" t="s">
        <v>74</v>
      </c>
      <c r="B18" s="47">
        <v>67.742988498057827</v>
      </c>
      <c r="C18" s="48">
        <v>93.445793358831651</v>
      </c>
      <c r="D18" s="49">
        <v>125.16811449498837</v>
      </c>
      <c r="E18" s="50"/>
      <c r="F18" s="51"/>
      <c r="G18" s="51"/>
    </row>
    <row r="19" spans="1:7" x14ac:dyDescent="0.25">
      <c r="A19" s="5" t="s">
        <v>75</v>
      </c>
      <c r="B19" s="47">
        <v>66.166613557275269</v>
      </c>
      <c r="C19" s="48">
        <v>93.597835040496378</v>
      </c>
      <c r="D19" s="49">
        <v>126.16302073235173</v>
      </c>
      <c r="E19" s="51"/>
      <c r="F19" s="51"/>
      <c r="G19" s="51"/>
    </row>
    <row r="20" spans="1:7" x14ac:dyDescent="0.25">
      <c r="A20" s="5" t="s">
        <v>76</v>
      </c>
      <c r="B20" s="47">
        <v>61.4982445967199</v>
      </c>
      <c r="C20" s="48">
        <v>92.229748780690585</v>
      </c>
      <c r="D20" s="49">
        <v>127.20169762605281</v>
      </c>
      <c r="E20" s="51"/>
      <c r="F20" s="51"/>
      <c r="G20" s="51"/>
    </row>
    <row r="21" spans="1:7" x14ac:dyDescent="0.25">
      <c r="A21" s="5" t="s">
        <v>77</v>
      </c>
      <c r="B21" s="47">
        <v>53.726190934242332</v>
      </c>
      <c r="C21" s="52">
        <v>84.435968288916371</v>
      </c>
      <c r="D21" s="49">
        <v>128.01337953047326</v>
      </c>
    </row>
    <row r="22" spans="1:7" x14ac:dyDescent="0.25">
      <c r="A22" s="5" t="s">
        <v>78</v>
      </c>
      <c r="B22" s="47">
        <v>55.289838067272647</v>
      </c>
      <c r="C22" s="53">
        <v>91.383048057902954</v>
      </c>
      <c r="D22" s="6">
        <v>129.45310424601806</v>
      </c>
    </row>
    <row r="23" spans="1:7" x14ac:dyDescent="0.25">
      <c r="A23" s="5" t="s">
        <v>79</v>
      </c>
      <c r="B23" s="47">
        <v>53.641549157342737</v>
      </c>
      <c r="C23" s="47">
        <v>93.899301054857759</v>
      </c>
      <c r="D23" s="6">
        <v>132.54191511816228</v>
      </c>
    </row>
    <row r="24" spans="1:7" x14ac:dyDescent="0.25">
      <c r="A24" s="5" t="s">
        <v>80</v>
      </c>
      <c r="B24" s="47">
        <v>54.513770252768325</v>
      </c>
      <c r="C24" s="47">
        <v>96.299808007876564</v>
      </c>
      <c r="D24" s="6">
        <v>132.20170790046598</v>
      </c>
    </row>
    <row r="25" spans="1:7" x14ac:dyDescent="0.25">
      <c r="A25" s="5" t="s">
        <v>81</v>
      </c>
      <c r="B25" s="47">
        <v>52.017793460797826</v>
      </c>
      <c r="C25" s="47">
        <v>90.706280590596165</v>
      </c>
      <c r="D25" s="6">
        <v>135.90480464857447</v>
      </c>
    </row>
    <row r="26" spans="1:7" x14ac:dyDescent="0.25">
      <c r="A26" s="5" t="s">
        <v>82</v>
      </c>
      <c r="B26" s="6">
        <v>55.816453812696075</v>
      </c>
      <c r="C26" s="47">
        <v>96.125523173706185</v>
      </c>
      <c r="D26" s="6">
        <v>138.553949585075</v>
      </c>
    </row>
    <row r="27" spans="1:7" x14ac:dyDescent="0.25">
      <c r="A27" s="5" t="s">
        <v>83</v>
      </c>
      <c r="B27" s="6">
        <v>61.818103035235751</v>
      </c>
      <c r="C27" s="6">
        <v>104.32570165637871</v>
      </c>
      <c r="D27" s="6">
        <v>141.4964166894442</v>
      </c>
    </row>
    <row r="28" spans="1:7" x14ac:dyDescent="0.25">
      <c r="A28" s="5" t="s">
        <v>84</v>
      </c>
      <c r="B28" s="6">
        <v>61.643805688558913</v>
      </c>
      <c r="C28" s="6">
        <v>102.46974667629991</v>
      </c>
      <c r="D28" s="6">
        <v>143.55715009583267</v>
      </c>
    </row>
    <row r="29" spans="1:7" x14ac:dyDescent="0.25">
      <c r="A29" s="5" t="s">
        <v>85</v>
      </c>
      <c r="B29" s="6">
        <v>56.404142480078043</v>
      </c>
      <c r="C29" s="6">
        <v>97.283878747333347</v>
      </c>
      <c r="D29" s="6">
        <v>144.72384374513808</v>
      </c>
    </row>
    <row r="30" spans="1:7" x14ac:dyDescent="0.25">
      <c r="A30" s="5" t="s">
        <v>86</v>
      </c>
      <c r="B30" s="6">
        <v>60.969357618043276</v>
      </c>
      <c r="C30" s="6">
        <v>101.59255505461068</v>
      </c>
      <c r="D30" s="6">
        <v>145.91964174127375</v>
      </c>
    </row>
    <row r="31" spans="1:7" x14ac:dyDescent="0.25">
      <c r="A31" s="5" t="s">
        <v>87</v>
      </c>
      <c r="B31" s="6">
        <v>62.774453699988896</v>
      </c>
      <c r="C31" s="6">
        <v>105.9249192155544</v>
      </c>
      <c r="D31" s="6">
        <v>146.55841334086924</v>
      </c>
    </row>
    <row r="32" spans="1:7" x14ac:dyDescent="0.25">
      <c r="A32" s="5" t="s">
        <v>88</v>
      </c>
      <c r="B32" s="6">
        <v>58.989758304942775</v>
      </c>
      <c r="C32" s="6">
        <v>99.624144550363226</v>
      </c>
      <c r="D32" s="6">
        <v>146.7626840944595</v>
      </c>
    </row>
    <row r="33" spans="1:4" x14ac:dyDescent="0.25">
      <c r="A33" s="5" t="s">
        <v>89</v>
      </c>
      <c r="B33" s="6">
        <v>55.013528514024216</v>
      </c>
      <c r="C33" s="6">
        <v>98.798114856762382</v>
      </c>
      <c r="D33" s="6">
        <v>149.4916136222528</v>
      </c>
    </row>
    <row r="34" spans="1:4" x14ac:dyDescent="0.25">
      <c r="A34" s="5" t="s">
        <v>90</v>
      </c>
      <c r="B34" s="6">
        <v>50.954154258782403</v>
      </c>
      <c r="C34" s="6">
        <v>101.45246776321872</v>
      </c>
      <c r="D34" s="6">
        <v>152.10127650104187</v>
      </c>
    </row>
    <row r="35" spans="1:4" x14ac:dyDescent="0.25">
      <c r="A35" s="5" t="s">
        <v>91</v>
      </c>
      <c r="B35" s="6">
        <v>47.600356649743865</v>
      </c>
      <c r="C35" s="6">
        <v>94.742719151350869</v>
      </c>
      <c r="D35" s="6">
        <v>154.25805821699078</v>
      </c>
    </row>
    <row r="36" spans="1:4" x14ac:dyDescent="0.25">
      <c r="A36" s="5" t="s">
        <v>92</v>
      </c>
      <c r="B36" s="6">
        <v>46.607715290427777</v>
      </c>
      <c r="C36" s="6">
        <v>88.046656569243282</v>
      </c>
      <c r="D36" s="6">
        <v>148.86612152921248</v>
      </c>
    </row>
  </sheetData>
  <pageMargins left="0.7" right="0.7" top="0.75" bottom="0.75" header="0.3" footer="0.3"/>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AE686E6-F5A1-411D-A5BC-A3AF53CAF54E}">
  <dimension ref="A1:J28"/>
  <sheetViews>
    <sheetView workbookViewId="0">
      <selection activeCell="H18" sqref="H18"/>
    </sheetView>
  </sheetViews>
  <sheetFormatPr defaultColWidth="8.6640625" defaultRowHeight="13.2" x14ac:dyDescent="0.25"/>
  <cols>
    <col min="1" max="1" width="26.6640625" style="5" bestFit="1" customWidth="1"/>
    <col min="2" max="2" width="10.33203125" style="5" customWidth="1"/>
    <col min="3" max="3" width="22.6640625" style="5" bestFit="1" customWidth="1"/>
    <col min="4" max="4" width="9.33203125" style="5" bestFit="1" customWidth="1"/>
    <col min="5" max="7" width="5.5546875" style="5" bestFit="1" customWidth="1"/>
    <col min="8" max="16384" width="8.6640625" style="5"/>
  </cols>
  <sheetData>
    <row r="1" spans="1:10" s="19" customFormat="1" ht="13.8" x14ac:dyDescent="0.25">
      <c r="A1" s="18" t="s">
        <v>48</v>
      </c>
      <c r="B1" s="20"/>
      <c r="C1" s="20"/>
    </row>
    <row r="2" spans="1:10" customFormat="1" x14ac:dyDescent="0.25">
      <c r="A2" s="21" t="s">
        <v>2</v>
      </c>
      <c r="B2" t="s">
        <v>49</v>
      </c>
    </row>
    <row r="3" spans="1:10" customFormat="1" x14ac:dyDescent="0.25">
      <c r="A3" s="21" t="s">
        <v>102</v>
      </c>
      <c r="B3" t="s">
        <v>236</v>
      </c>
    </row>
    <row r="4" spans="1:10" customFormat="1" x14ac:dyDescent="0.25">
      <c r="A4" s="21" t="s">
        <v>103</v>
      </c>
      <c r="B4" t="s">
        <v>237</v>
      </c>
    </row>
    <row r="5" spans="1:10" customFormat="1" x14ac:dyDescent="0.25">
      <c r="A5" s="21" t="s">
        <v>3</v>
      </c>
      <c r="B5" s="5"/>
    </row>
    <row r="6" spans="1:10" customFormat="1" x14ac:dyDescent="0.25"/>
    <row r="7" spans="1:10" s="22" customFormat="1" x14ac:dyDescent="0.25">
      <c r="A7" s="23" t="s">
        <v>59</v>
      </c>
    </row>
    <row r="8" spans="1:10" x14ac:dyDescent="0.25">
      <c r="B8" s="40"/>
      <c r="C8" s="61"/>
      <c r="D8" s="61"/>
    </row>
    <row r="9" spans="1:10" x14ac:dyDescent="0.25">
      <c r="B9" s="40" t="s">
        <v>238</v>
      </c>
      <c r="C9" s="46" t="s">
        <v>239</v>
      </c>
      <c r="D9" s="40" t="s">
        <v>240</v>
      </c>
      <c r="E9" s="40"/>
      <c r="F9" s="40"/>
      <c r="G9" s="40"/>
    </row>
    <row r="10" spans="1:10" x14ac:dyDescent="0.25">
      <c r="A10" s="5" t="s">
        <v>241</v>
      </c>
      <c r="B10" s="69">
        <v>550000</v>
      </c>
      <c r="C10" s="46" t="s">
        <v>242</v>
      </c>
      <c r="D10" s="40" t="s">
        <v>242</v>
      </c>
      <c r="E10" s="40"/>
      <c r="F10" s="40"/>
      <c r="G10" s="40"/>
      <c r="I10" s="36"/>
      <c r="J10" s="36"/>
    </row>
    <row r="11" spans="1:10" x14ac:dyDescent="0.25">
      <c r="A11" s="5" t="s">
        <v>243</v>
      </c>
      <c r="B11" s="69">
        <v>568000</v>
      </c>
      <c r="C11" s="69">
        <v>18000</v>
      </c>
      <c r="D11" s="40">
        <v>3.3</v>
      </c>
      <c r="E11" s="40"/>
      <c r="F11" s="40"/>
      <c r="G11" s="40"/>
      <c r="I11" s="36"/>
      <c r="J11" s="36"/>
    </row>
    <row r="12" spans="1:10" x14ac:dyDescent="0.25">
      <c r="A12" s="5" t="s">
        <v>244</v>
      </c>
      <c r="B12" s="69">
        <v>561000</v>
      </c>
      <c r="C12" s="50" t="s">
        <v>245</v>
      </c>
      <c r="D12" s="71">
        <v>2</v>
      </c>
      <c r="E12" s="50"/>
      <c r="F12" s="51"/>
      <c r="G12" s="51"/>
      <c r="I12" s="36"/>
      <c r="J12" s="36"/>
    </row>
    <row r="13" spans="1:10" x14ac:dyDescent="0.25">
      <c r="B13" s="40"/>
      <c r="C13" s="50"/>
      <c r="D13" s="51"/>
      <c r="E13" s="50"/>
      <c r="F13" s="51"/>
      <c r="G13" s="51"/>
      <c r="I13" s="36"/>
      <c r="J13" s="36"/>
    </row>
    <row r="14" spans="1:10" x14ac:dyDescent="0.25">
      <c r="B14" s="40"/>
      <c r="C14" s="50"/>
      <c r="D14" s="51"/>
      <c r="E14" s="50"/>
      <c r="F14" s="51"/>
      <c r="G14" s="51"/>
      <c r="I14" s="36"/>
      <c r="J14" s="36"/>
    </row>
    <row r="15" spans="1:10" x14ac:dyDescent="0.25">
      <c r="B15" s="40"/>
      <c r="C15" s="51"/>
      <c r="D15" s="51"/>
      <c r="E15" s="50"/>
      <c r="F15" s="51"/>
      <c r="G15" s="51"/>
      <c r="I15" s="36"/>
      <c r="J15" s="36"/>
    </row>
    <row r="16" spans="1:10" x14ac:dyDescent="0.25">
      <c r="B16" s="40"/>
      <c r="C16" s="54"/>
      <c r="D16" s="51"/>
      <c r="E16" s="50"/>
      <c r="F16" s="51"/>
      <c r="G16" s="51"/>
      <c r="I16" s="36"/>
      <c r="J16" s="36"/>
    </row>
    <row r="17" spans="2:10" x14ac:dyDescent="0.25">
      <c r="B17" s="40"/>
      <c r="C17" s="50"/>
      <c r="D17" s="51"/>
      <c r="E17" s="50"/>
      <c r="F17" s="51"/>
      <c r="G17" s="51"/>
      <c r="I17" s="36"/>
      <c r="J17" s="36"/>
    </row>
    <row r="18" spans="2:10" x14ac:dyDescent="0.25">
      <c r="B18" s="40"/>
      <c r="C18" s="50"/>
      <c r="D18" s="51"/>
      <c r="E18" s="50"/>
      <c r="F18" s="51"/>
      <c r="G18" s="51"/>
    </row>
    <row r="19" spans="2:10" x14ac:dyDescent="0.25">
      <c r="B19" s="40"/>
      <c r="C19" s="50"/>
      <c r="D19" s="51"/>
      <c r="E19" s="50"/>
      <c r="F19" s="51"/>
      <c r="G19" s="51"/>
    </row>
    <row r="20" spans="2:10" x14ac:dyDescent="0.25">
      <c r="B20" s="40"/>
      <c r="C20" s="50"/>
      <c r="D20" s="51"/>
      <c r="E20" s="50"/>
      <c r="F20" s="51"/>
      <c r="G20" s="51"/>
    </row>
    <row r="21" spans="2:10" x14ac:dyDescent="0.25">
      <c r="B21" s="40"/>
      <c r="C21" s="50"/>
      <c r="D21" s="51"/>
      <c r="E21" s="50"/>
      <c r="F21" s="51"/>
      <c r="G21" s="51"/>
    </row>
    <row r="22" spans="2:10" x14ac:dyDescent="0.25">
      <c r="B22" s="40"/>
      <c r="C22" s="50"/>
      <c r="D22" s="51"/>
      <c r="E22" s="51"/>
      <c r="F22" s="51"/>
      <c r="G22" s="51"/>
    </row>
    <row r="23" spans="2:10" x14ac:dyDescent="0.25">
      <c r="B23" s="40"/>
      <c r="C23" s="54"/>
      <c r="D23" s="51"/>
      <c r="E23" s="51"/>
      <c r="F23" s="51"/>
      <c r="G23" s="51"/>
    </row>
    <row r="24" spans="2:10" x14ac:dyDescent="0.25">
      <c r="B24" s="40"/>
      <c r="C24" s="61"/>
    </row>
    <row r="25" spans="2:10" x14ac:dyDescent="0.25">
      <c r="B25" s="40"/>
      <c r="C25" s="40"/>
    </row>
    <row r="26" spans="2:10" x14ac:dyDescent="0.25">
      <c r="B26" s="40"/>
      <c r="C26" s="40"/>
    </row>
    <row r="27" spans="2:10" x14ac:dyDescent="0.25">
      <c r="B27" s="40"/>
      <c r="C27" s="40"/>
    </row>
    <row r="28" spans="2:10" x14ac:dyDescent="0.25">
      <c r="C28" s="40"/>
    </row>
  </sheetData>
  <pageMargins left="0.7" right="0.7" top="0.75" bottom="0.75" header="0.3" footer="0.3"/>
</worksheet>
</file>

<file path=xl/worksheets/sheet2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2ABE931-C57C-4BF7-BFCD-05EA32F33E68}">
  <dimension ref="A1:J28"/>
  <sheetViews>
    <sheetView workbookViewId="0">
      <selection activeCell="B30" sqref="B30"/>
    </sheetView>
  </sheetViews>
  <sheetFormatPr defaultColWidth="8.6640625" defaultRowHeight="13.2" x14ac:dyDescent="0.25"/>
  <cols>
    <col min="1" max="1" width="18.33203125" style="5" bestFit="1" customWidth="1"/>
    <col min="2" max="2" width="38" style="5" customWidth="1"/>
    <col min="3" max="3" width="32.5546875" style="5" bestFit="1" customWidth="1"/>
    <col min="4" max="4" width="36.6640625" style="5" bestFit="1" customWidth="1"/>
    <col min="5" max="7" width="5.5546875" style="5" bestFit="1" customWidth="1"/>
    <col min="8" max="16384" width="8.6640625" style="5"/>
  </cols>
  <sheetData>
    <row r="1" spans="1:10" s="19" customFormat="1" ht="13.8" x14ac:dyDescent="0.25">
      <c r="A1" s="18" t="s">
        <v>50</v>
      </c>
      <c r="B1" s="20"/>
      <c r="C1" s="20"/>
    </row>
    <row r="2" spans="1:10" customFormat="1" x14ac:dyDescent="0.25">
      <c r="A2" s="21" t="s">
        <v>2</v>
      </c>
      <c r="B2" t="s">
        <v>51</v>
      </c>
    </row>
    <row r="3" spans="1:10" customFormat="1" x14ac:dyDescent="0.25">
      <c r="A3" s="21" t="s">
        <v>102</v>
      </c>
      <c r="B3" t="s">
        <v>246</v>
      </c>
    </row>
    <row r="4" spans="1:10" customFormat="1" x14ac:dyDescent="0.25">
      <c r="A4" s="21" t="s">
        <v>103</v>
      </c>
      <c r="B4" s="1" t="s">
        <v>247</v>
      </c>
    </row>
    <row r="5" spans="1:10" customFormat="1" x14ac:dyDescent="0.25">
      <c r="A5" s="21" t="s">
        <v>3</v>
      </c>
      <c r="B5" t="s">
        <v>248</v>
      </c>
    </row>
    <row r="6" spans="1:10" customFormat="1" x14ac:dyDescent="0.25"/>
    <row r="7" spans="1:10" s="22" customFormat="1" x14ac:dyDescent="0.25">
      <c r="A7" s="23" t="s">
        <v>59</v>
      </c>
    </row>
    <row r="8" spans="1:10" x14ac:dyDescent="0.25">
      <c r="B8" s="40"/>
      <c r="C8" s="61"/>
      <c r="D8" s="61"/>
    </row>
    <row r="9" spans="1:10" x14ac:dyDescent="0.25">
      <c r="B9" s="40" t="s">
        <v>249</v>
      </c>
      <c r="C9" s="46" t="s">
        <v>250</v>
      </c>
      <c r="D9" s="40" t="s">
        <v>251</v>
      </c>
      <c r="E9" s="40"/>
      <c r="F9" s="40"/>
      <c r="G9" s="40"/>
    </row>
    <row r="10" spans="1:10" x14ac:dyDescent="0.25">
      <c r="A10" s="5" t="s">
        <v>127</v>
      </c>
      <c r="B10" s="40">
        <v>-0.44</v>
      </c>
      <c r="C10" s="46" t="s">
        <v>252</v>
      </c>
      <c r="D10" s="40" t="s">
        <v>253</v>
      </c>
      <c r="E10" s="40"/>
      <c r="F10" s="40"/>
      <c r="G10" s="40"/>
      <c r="I10" s="36"/>
      <c r="J10" s="36"/>
    </row>
    <row r="11" spans="1:10" x14ac:dyDescent="0.25">
      <c r="A11" s="5" t="s">
        <v>135</v>
      </c>
      <c r="B11" s="40">
        <v>1.38</v>
      </c>
      <c r="C11" s="40" t="s">
        <v>254</v>
      </c>
      <c r="D11" s="40" t="s">
        <v>255</v>
      </c>
      <c r="E11" s="40"/>
      <c r="F11" s="40"/>
      <c r="G11" s="40"/>
      <c r="I11" s="36"/>
      <c r="J11" s="36"/>
    </row>
    <row r="12" spans="1:10" x14ac:dyDescent="0.25">
      <c r="A12" s="5" t="s">
        <v>256</v>
      </c>
      <c r="B12" s="46">
        <v>-1.8</v>
      </c>
      <c r="C12" s="50"/>
      <c r="D12" s="70" t="s">
        <v>257</v>
      </c>
      <c r="E12" s="50"/>
      <c r="F12" s="51"/>
      <c r="G12" s="51"/>
      <c r="I12" s="36"/>
      <c r="J12" s="36"/>
    </row>
    <row r="13" spans="1:10" x14ac:dyDescent="0.25">
      <c r="B13" s="40"/>
      <c r="C13" s="50"/>
      <c r="D13" s="51"/>
      <c r="E13" s="50"/>
      <c r="F13" s="51"/>
      <c r="G13" s="51"/>
      <c r="I13" s="36"/>
      <c r="J13" s="36"/>
    </row>
    <row r="14" spans="1:10" x14ac:dyDescent="0.25">
      <c r="B14" s="40"/>
      <c r="C14" s="50"/>
      <c r="D14" s="51"/>
      <c r="E14" s="50"/>
      <c r="F14" s="51"/>
      <c r="G14" s="51"/>
      <c r="I14" s="36"/>
      <c r="J14" s="36"/>
    </row>
    <row r="15" spans="1:10" x14ac:dyDescent="0.25">
      <c r="B15" s="40"/>
      <c r="C15" s="51"/>
      <c r="D15" s="51"/>
      <c r="E15" s="50"/>
      <c r="F15" s="51"/>
      <c r="G15" s="51"/>
      <c r="I15" s="36"/>
      <c r="J15" s="36"/>
    </row>
    <row r="16" spans="1:10" x14ac:dyDescent="0.25">
      <c r="B16" s="40"/>
      <c r="C16" s="54"/>
      <c r="D16" s="51"/>
      <c r="E16" s="50"/>
      <c r="F16" s="51"/>
      <c r="G16" s="51"/>
      <c r="I16" s="36"/>
      <c r="J16" s="36"/>
    </row>
    <row r="17" spans="2:10" x14ac:dyDescent="0.25">
      <c r="B17" s="40"/>
      <c r="C17" s="50"/>
      <c r="D17" s="51"/>
      <c r="E17" s="50"/>
      <c r="F17" s="51"/>
      <c r="G17" s="51"/>
      <c r="I17" s="36"/>
      <c r="J17" s="36"/>
    </row>
    <row r="18" spans="2:10" x14ac:dyDescent="0.25">
      <c r="B18" s="40"/>
      <c r="C18" s="50"/>
      <c r="D18" s="51"/>
      <c r="E18" s="50"/>
      <c r="F18" s="51"/>
      <c r="G18" s="51"/>
    </row>
    <row r="19" spans="2:10" x14ac:dyDescent="0.25">
      <c r="B19" s="40"/>
      <c r="C19" s="50"/>
      <c r="D19" s="51"/>
      <c r="E19" s="50"/>
      <c r="F19" s="51"/>
      <c r="G19" s="51"/>
    </row>
    <row r="20" spans="2:10" x14ac:dyDescent="0.25">
      <c r="B20" s="40"/>
      <c r="C20" s="50"/>
      <c r="D20" s="51"/>
      <c r="E20" s="50"/>
      <c r="F20" s="51"/>
      <c r="G20" s="51"/>
    </row>
    <row r="21" spans="2:10" x14ac:dyDescent="0.25">
      <c r="B21" s="40"/>
      <c r="C21" s="50"/>
      <c r="D21" s="51"/>
      <c r="E21" s="50"/>
      <c r="F21" s="51"/>
      <c r="G21" s="51"/>
    </row>
    <row r="22" spans="2:10" x14ac:dyDescent="0.25">
      <c r="B22" s="40"/>
      <c r="C22" s="50"/>
      <c r="D22" s="51"/>
      <c r="E22" s="51"/>
      <c r="F22" s="51"/>
      <c r="G22" s="51"/>
    </row>
    <row r="23" spans="2:10" x14ac:dyDescent="0.25">
      <c r="B23" s="40"/>
      <c r="C23" s="54"/>
      <c r="D23" s="51"/>
      <c r="E23" s="51"/>
      <c r="F23" s="51"/>
      <c r="G23" s="51"/>
    </row>
    <row r="24" spans="2:10" x14ac:dyDescent="0.25">
      <c r="B24" s="40"/>
      <c r="C24" s="61"/>
    </row>
    <row r="25" spans="2:10" x14ac:dyDescent="0.25">
      <c r="B25" s="40"/>
      <c r="C25" s="40"/>
    </row>
    <row r="26" spans="2:10" x14ac:dyDescent="0.25">
      <c r="B26" s="40"/>
      <c r="C26" s="40"/>
    </row>
    <row r="27" spans="2:10" x14ac:dyDescent="0.25">
      <c r="B27" s="40"/>
      <c r="C27" s="40"/>
    </row>
    <row r="28" spans="2:10" x14ac:dyDescent="0.25">
      <c r="C28" s="40"/>
    </row>
  </sheetData>
  <pageMargins left="0.7" right="0.7" top="0.75" bottom="0.75" header="0.3" footer="0.3"/>
</worksheet>
</file>

<file path=xl/worksheets/sheet2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37903D5-F983-4A40-B37D-342553251E0C}">
  <dimension ref="A1:J64"/>
  <sheetViews>
    <sheetView workbookViewId="0">
      <selection activeCell="B6" sqref="B6"/>
    </sheetView>
  </sheetViews>
  <sheetFormatPr defaultColWidth="8.6640625" defaultRowHeight="13.2" x14ac:dyDescent="0.25"/>
  <cols>
    <col min="1" max="1" width="7.44140625" style="5" bestFit="1" customWidth="1"/>
    <col min="2" max="5" width="15.44140625" style="5" bestFit="1" customWidth="1"/>
    <col min="6" max="6" width="16.109375" style="5" bestFit="1" customWidth="1"/>
    <col min="7" max="7" width="15.44140625" style="5" bestFit="1" customWidth="1"/>
    <col min="8" max="16384" width="8.6640625" style="5"/>
  </cols>
  <sheetData>
    <row r="1" spans="1:10" s="39" customFormat="1" ht="13.8" x14ac:dyDescent="0.25">
      <c r="A1" s="37" t="s">
        <v>53</v>
      </c>
      <c r="B1" s="38"/>
      <c r="C1" s="38"/>
    </row>
    <row r="2" spans="1:10" x14ac:dyDescent="0.25">
      <c r="A2" s="35" t="s">
        <v>2</v>
      </c>
      <c r="B2" t="s">
        <v>54</v>
      </c>
    </row>
    <row r="3" spans="1:10" x14ac:dyDescent="0.25">
      <c r="A3" s="35" t="s">
        <v>102</v>
      </c>
      <c r="B3" s="5" t="s">
        <v>258</v>
      </c>
    </row>
    <row r="4" spans="1:10" x14ac:dyDescent="0.25">
      <c r="A4" s="35" t="s">
        <v>103</v>
      </c>
      <c r="B4" s="5" t="s">
        <v>259</v>
      </c>
    </row>
    <row r="5" spans="1:10" x14ac:dyDescent="0.25">
      <c r="A5" s="35" t="s">
        <v>3</v>
      </c>
      <c r="B5" s="5" t="s">
        <v>260</v>
      </c>
    </row>
    <row r="7" spans="1:10" s="42" customFormat="1" x14ac:dyDescent="0.25">
      <c r="A7" s="41" t="s">
        <v>59</v>
      </c>
    </row>
    <row r="8" spans="1:10" x14ac:dyDescent="0.25">
      <c r="A8" s="34" t="s">
        <v>261</v>
      </c>
      <c r="B8" s="43"/>
      <c r="C8" s="44"/>
      <c r="D8" s="45"/>
      <c r="E8" s="34"/>
      <c r="F8" s="34"/>
      <c r="G8" s="34"/>
    </row>
    <row r="9" spans="1:10" x14ac:dyDescent="0.25">
      <c r="A9" s="57" t="s">
        <v>262</v>
      </c>
      <c r="B9" s="57" t="s">
        <v>95</v>
      </c>
      <c r="C9" s="57" t="s">
        <v>96</v>
      </c>
      <c r="D9" s="57" t="s">
        <v>97</v>
      </c>
      <c r="E9" s="57" t="s">
        <v>98</v>
      </c>
      <c r="F9" s="57" t="s">
        <v>99</v>
      </c>
      <c r="G9" s="57" t="s">
        <v>100</v>
      </c>
    </row>
    <row r="10" spans="1:10" x14ac:dyDescent="0.25">
      <c r="A10" s="40" t="s">
        <v>64</v>
      </c>
      <c r="B10" s="6">
        <v>100</v>
      </c>
      <c r="C10" s="6">
        <v>100</v>
      </c>
      <c r="D10" s="6">
        <v>100</v>
      </c>
      <c r="E10" s="6">
        <v>100</v>
      </c>
      <c r="F10" s="6">
        <v>100</v>
      </c>
      <c r="G10" s="6">
        <v>100</v>
      </c>
      <c r="I10" s="36"/>
      <c r="J10" s="36"/>
    </row>
    <row r="11" spans="1:10" x14ac:dyDescent="0.25">
      <c r="A11" s="40" t="s">
        <v>65</v>
      </c>
      <c r="B11" s="6">
        <v>102.7521865889213</v>
      </c>
      <c r="C11" s="6">
        <v>98.469571871748755</v>
      </c>
      <c r="D11" s="6">
        <v>99.444424325566814</v>
      </c>
      <c r="E11" s="6">
        <v>103.4222296326368</v>
      </c>
      <c r="F11" s="6">
        <v>103.2702515008111</v>
      </c>
      <c r="G11" s="6">
        <v>100.0042909532184</v>
      </c>
      <c r="I11" s="36"/>
      <c r="J11" s="36"/>
    </row>
    <row r="12" spans="1:10" x14ac:dyDescent="0.25">
      <c r="A12" s="40" t="s">
        <v>66</v>
      </c>
      <c r="B12" s="6">
        <v>101.0845481049563</v>
      </c>
      <c r="C12" s="6">
        <v>96.677876487316908</v>
      </c>
      <c r="D12" s="6">
        <v>99.763311723808428</v>
      </c>
      <c r="E12" s="6">
        <v>102.4393358484712</v>
      </c>
      <c r="F12" s="6">
        <v>106.8920295951977</v>
      </c>
      <c r="G12" s="6">
        <v>96.88963986441847</v>
      </c>
      <c r="I12" s="36"/>
      <c r="J12" s="36"/>
    </row>
    <row r="13" spans="1:10" x14ac:dyDescent="0.25">
      <c r="A13" s="40" t="s">
        <v>67</v>
      </c>
      <c r="B13" s="6">
        <v>108.0466472303207</v>
      </c>
      <c r="C13" s="6">
        <v>97.451754560151088</v>
      </c>
      <c r="D13" s="6">
        <v>98.882099999287348</v>
      </c>
      <c r="E13" s="6">
        <v>102.9734082812587</v>
      </c>
      <c r="F13" s="6">
        <v>108.7526624066216</v>
      </c>
      <c r="G13" s="6">
        <v>96.737541575758883</v>
      </c>
      <c r="I13" s="36"/>
      <c r="J13" s="36"/>
    </row>
    <row r="14" spans="1:10" x14ac:dyDescent="0.25">
      <c r="A14" s="40" t="s">
        <v>68</v>
      </c>
      <c r="B14" s="6">
        <v>111.7551020408163</v>
      </c>
      <c r="C14" s="6">
        <v>100.11631355489661</v>
      </c>
      <c r="D14" s="6">
        <v>99.279468881953321</v>
      </c>
      <c r="E14" s="6">
        <v>101.2437099365805</v>
      </c>
      <c r="F14" s="6">
        <v>114.87201410564209</v>
      </c>
      <c r="G14" s="6">
        <v>94.952573719571447</v>
      </c>
      <c r="I14" s="36"/>
      <c r="J14" s="36"/>
    </row>
    <row r="15" spans="1:10" x14ac:dyDescent="0.25">
      <c r="A15" s="40" t="s">
        <v>101</v>
      </c>
      <c r="B15" s="6">
        <v>111.20699708454811</v>
      </c>
      <c r="C15" s="6">
        <v>104.043954056396</v>
      </c>
      <c r="D15" s="6">
        <v>101.17112848335189</v>
      </c>
      <c r="E15" s="6">
        <v>102.4091023196211</v>
      </c>
      <c r="F15" s="6">
        <v>113.24784551138509</v>
      </c>
      <c r="G15" s="6">
        <v>95.143479820466482</v>
      </c>
      <c r="I15" s="36"/>
      <c r="J15" s="36"/>
    </row>
    <row r="16" spans="1:10" x14ac:dyDescent="0.25">
      <c r="A16" s="40" t="s">
        <v>70</v>
      </c>
      <c r="B16" s="6">
        <v>95.090379008746368</v>
      </c>
      <c r="C16" s="6">
        <v>107.3319105090647</v>
      </c>
      <c r="D16" s="6">
        <v>102.3129771241897</v>
      </c>
      <c r="E16" s="6">
        <v>102.36044288356599</v>
      </c>
      <c r="F16" s="6">
        <v>111.2653461944481</v>
      </c>
      <c r="G16" s="6">
        <v>95.266509531617913</v>
      </c>
      <c r="I16" s="36"/>
      <c r="J16" s="36"/>
    </row>
    <row r="17" spans="1:10" x14ac:dyDescent="0.25">
      <c r="A17" s="40" t="s">
        <v>71</v>
      </c>
      <c r="B17" s="6">
        <v>112.8163265306122</v>
      </c>
      <c r="C17" s="6">
        <v>105.8005518411274</v>
      </c>
      <c r="D17" s="6">
        <v>103.7468786711501</v>
      </c>
      <c r="E17" s="6">
        <v>105.54826482820521</v>
      </c>
      <c r="F17" s="6">
        <v>110.84185170069109</v>
      </c>
      <c r="G17" s="6">
        <v>94.806123248286141</v>
      </c>
      <c r="I17" s="36"/>
      <c r="J17" s="36"/>
    </row>
    <row r="18" spans="1:10" x14ac:dyDescent="0.25">
      <c r="A18" s="40" t="s">
        <v>72</v>
      </c>
      <c r="B18" s="6">
        <v>112.12827988338189</v>
      </c>
      <c r="C18" s="6">
        <v>104.80686119754709</v>
      </c>
      <c r="D18" s="6">
        <v>103.8890296738092</v>
      </c>
      <c r="E18" s="6">
        <v>110.1656770591092</v>
      </c>
      <c r="F18" s="6">
        <v>108.04676829328611</v>
      </c>
      <c r="G18" s="6">
        <v>95.50770997846007</v>
      </c>
    </row>
    <row r="19" spans="1:10" x14ac:dyDescent="0.25">
      <c r="A19" s="40" t="s">
        <v>73</v>
      </c>
      <c r="B19" s="6">
        <v>112.18658892128281</v>
      </c>
      <c r="C19" s="6">
        <v>102.6292727894087</v>
      </c>
      <c r="D19" s="6">
        <v>103.4459355868031</v>
      </c>
      <c r="E19" s="6">
        <v>115.06443755484359</v>
      </c>
      <c r="F19" s="6">
        <v>105.9244335904619</v>
      </c>
      <c r="G19" s="6">
        <v>94.683824937894641</v>
      </c>
    </row>
    <row r="20" spans="1:10" x14ac:dyDescent="0.25">
      <c r="A20" s="40" t="s">
        <v>74</v>
      </c>
      <c r="B20" s="6">
        <v>114.6239067055394</v>
      </c>
      <c r="C20" s="6">
        <v>101.29720895158781</v>
      </c>
      <c r="D20" s="6">
        <v>103.2091835057909</v>
      </c>
      <c r="E20" s="6">
        <v>111.4933616791058</v>
      </c>
      <c r="F20" s="6">
        <v>101.7917863330142</v>
      </c>
      <c r="G20" s="6">
        <v>90.86475061507916</v>
      </c>
    </row>
    <row r="21" spans="1:10" x14ac:dyDescent="0.25">
      <c r="A21" s="40" t="s">
        <v>75</v>
      </c>
      <c r="B21" s="6">
        <v>115.6967930029154</v>
      </c>
      <c r="C21" s="6">
        <v>100.66053968174739</v>
      </c>
      <c r="D21" s="6">
        <v>100.8443763126626</v>
      </c>
      <c r="E21" s="6">
        <v>118.230140017786</v>
      </c>
      <c r="F21" s="6">
        <v>101.1915389593571</v>
      </c>
      <c r="G21" s="6">
        <v>84.43794154075826</v>
      </c>
    </row>
    <row r="22" spans="1:10" x14ac:dyDescent="0.25">
      <c r="A22" s="40" t="s">
        <v>76</v>
      </c>
      <c r="B22" s="6">
        <v>109.5743440233236</v>
      </c>
      <c r="C22" s="6">
        <v>98.714016224051349</v>
      </c>
      <c r="D22" s="6">
        <v>97.77749503383599</v>
      </c>
      <c r="E22" s="6">
        <v>117.0038537262835</v>
      </c>
      <c r="F22" s="6">
        <v>96.431148797988655</v>
      </c>
      <c r="G22" s="6">
        <v>82.936157592592039</v>
      </c>
    </row>
    <row r="23" spans="1:10" x14ac:dyDescent="0.25">
      <c r="A23" s="40" t="s">
        <v>77</v>
      </c>
      <c r="B23" s="6">
        <v>108.932944606414</v>
      </c>
      <c r="C23" s="6">
        <v>94.475649076356831</v>
      </c>
      <c r="D23" s="6">
        <v>97.175905121838895</v>
      </c>
      <c r="E23" s="6">
        <v>104.3030182064411</v>
      </c>
      <c r="F23" s="6">
        <v>91.341145470019896</v>
      </c>
      <c r="G23" s="6">
        <v>80.814710007118762</v>
      </c>
    </row>
    <row r="24" spans="1:10" x14ac:dyDescent="0.25">
      <c r="A24" s="40" t="s">
        <v>78</v>
      </c>
      <c r="B24" s="6">
        <v>110.9154518950437</v>
      </c>
      <c r="C24" s="6">
        <v>89.698864377483829</v>
      </c>
      <c r="D24" s="6">
        <v>95.008521004059972</v>
      </c>
      <c r="E24" s="6">
        <v>108.5436624464561</v>
      </c>
      <c r="F24" s="6">
        <v>81.936056504138293</v>
      </c>
      <c r="G24" s="6">
        <v>83.245713430765505</v>
      </c>
    </row>
    <row r="25" spans="1:10" x14ac:dyDescent="0.25">
      <c r="A25" s="40" t="s">
        <v>79</v>
      </c>
      <c r="B25" s="6">
        <v>114.7055393586006</v>
      </c>
      <c r="C25" s="6">
        <v>88.684634376637902</v>
      </c>
      <c r="D25" s="6">
        <v>100.75448473033499</v>
      </c>
      <c r="E25" s="6">
        <v>106.4371868545273</v>
      </c>
      <c r="F25" s="6">
        <v>97.341120961912239</v>
      </c>
      <c r="G25" s="6">
        <v>83.389185083031535</v>
      </c>
    </row>
    <row r="26" spans="1:10" x14ac:dyDescent="0.25">
      <c r="A26" s="40" t="s">
        <v>80</v>
      </c>
      <c r="B26" s="6">
        <v>112.53644314868809</v>
      </c>
      <c r="C26" s="6">
        <v>86.125946247961465</v>
      </c>
      <c r="D26" s="6">
        <v>102.6156317259733</v>
      </c>
      <c r="E26" s="6">
        <v>106.5197975607132</v>
      </c>
      <c r="F26" s="6">
        <v>100.8952936191619</v>
      </c>
      <c r="G26" s="6">
        <v>81.503542942917846</v>
      </c>
    </row>
    <row r="27" spans="1:10" x14ac:dyDescent="0.25">
      <c r="A27" s="40" t="s">
        <v>81</v>
      </c>
      <c r="B27" s="6">
        <v>123.8367346938775</v>
      </c>
      <c r="C27" s="6">
        <v>82.459439439476128</v>
      </c>
      <c r="D27" s="6">
        <v>101.8358521091469</v>
      </c>
      <c r="E27" s="6">
        <v>103.7170979961239</v>
      </c>
      <c r="F27" s="6">
        <v>99.668417181483335</v>
      </c>
      <c r="G27" s="6">
        <v>82.810324809076548</v>
      </c>
    </row>
    <row r="28" spans="1:10" x14ac:dyDescent="0.25">
      <c r="A28" s="40" t="s">
        <v>82</v>
      </c>
      <c r="B28" s="6">
        <v>130.47230320699711</v>
      </c>
      <c r="C28" s="6">
        <v>84.370372547205847</v>
      </c>
      <c r="D28" s="6">
        <v>100.02180349499309</v>
      </c>
      <c r="E28" s="6">
        <v>99.444836077575658</v>
      </c>
      <c r="F28" s="6">
        <v>102.062735872899</v>
      </c>
      <c r="G28" s="6">
        <v>81.435362048361199</v>
      </c>
    </row>
    <row r="29" spans="1:10" x14ac:dyDescent="0.25">
      <c r="A29" s="40" t="s">
        <v>83</v>
      </c>
      <c r="B29" s="6">
        <v>136.8163265306122</v>
      </c>
      <c r="C29" s="6">
        <v>82.876451961515258</v>
      </c>
      <c r="D29" s="6">
        <v>102.9949585008093</v>
      </c>
      <c r="E29" s="6">
        <v>100.53670438183541</v>
      </c>
      <c r="F29" s="6">
        <v>100.0737548193605</v>
      </c>
      <c r="G29" s="6">
        <v>78.698656903427306</v>
      </c>
    </row>
    <row r="30" spans="1:10" x14ac:dyDescent="0.25">
      <c r="A30" s="40" t="s">
        <v>84</v>
      </c>
      <c r="B30" s="6">
        <v>126.9387755102041</v>
      </c>
      <c r="C30" s="6">
        <v>84.255543548607847</v>
      </c>
      <c r="D30" s="6">
        <v>102.7600088590486</v>
      </c>
      <c r="E30" s="6">
        <v>104.79955140626561</v>
      </c>
      <c r="F30" s="6">
        <v>104.1165629709877</v>
      </c>
      <c r="G30" s="6">
        <v>78.920787776037699</v>
      </c>
    </row>
    <row r="31" spans="1:10" x14ac:dyDescent="0.25">
      <c r="A31" s="40" t="s">
        <v>85</v>
      </c>
      <c r="B31" s="6">
        <v>121.97084548104959</v>
      </c>
      <c r="C31" s="6">
        <v>85.667488782976591</v>
      </c>
      <c r="D31" s="6">
        <v>104.4638443650356</v>
      </c>
      <c r="E31" s="6">
        <v>97.981900094124313</v>
      </c>
      <c r="F31" s="6">
        <v>97.41354353832935</v>
      </c>
      <c r="G31" s="6">
        <v>78.986212856045569</v>
      </c>
    </row>
    <row r="32" spans="1:10" x14ac:dyDescent="0.25">
      <c r="A32" s="40" t="s">
        <v>86</v>
      </c>
      <c r="B32" s="6">
        <v>120.932944606414</v>
      </c>
      <c r="C32" s="6">
        <v>88.729171844721449</v>
      </c>
      <c r="D32" s="6">
        <v>104.4968642820081</v>
      </c>
      <c r="E32" s="6">
        <v>105.52347624695889</v>
      </c>
      <c r="F32" s="6">
        <v>97.968974713296845</v>
      </c>
      <c r="G32" s="6">
        <v>79.691517690589592</v>
      </c>
    </row>
    <row r="33" spans="1:7" x14ac:dyDescent="0.25">
      <c r="A33" s="40" t="s">
        <v>87</v>
      </c>
      <c r="B33" s="6">
        <v>122.9154518950437</v>
      </c>
      <c r="C33" s="6">
        <v>87.457593128966792</v>
      </c>
      <c r="D33" s="6">
        <v>105.3202506959489</v>
      </c>
      <c r="E33" s="6">
        <v>104.50656858296379</v>
      </c>
      <c r="F33" s="6">
        <v>96.935650056887411</v>
      </c>
      <c r="G33" s="6">
        <v>77.590767532041909</v>
      </c>
    </row>
    <row r="34" spans="1:7" x14ac:dyDescent="0.25">
      <c r="A34" s="40" t="s">
        <v>88</v>
      </c>
      <c r="B34" s="6">
        <v>117.8425655976676</v>
      </c>
      <c r="C34" s="6">
        <v>86.558361418721958</v>
      </c>
      <c r="D34" s="6">
        <v>100.9528128717148</v>
      </c>
      <c r="E34" s="6">
        <v>101.70313282426351</v>
      </c>
      <c r="F34" s="6">
        <v>97.51297887846782</v>
      </c>
      <c r="G34" s="6">
        <v>76.875703870201889</v>
      </c>
    </row>
    <row r="35" spans="1:7" x14ac:dyDescent="0.25">
      <c r="A35" s="40" t="s">
        <v>89</v>
      </c>
      <c r="B35" s="6">
        <v>117.10787172011661</v>
      </c>
      <c r="C35" s="6">
        <v>80.678523204126634</v>
      </c>
      <c r="D35" s="6">
        <v>103.7031593730955</v>
      </c>
      <c r="E35" s="6">
        <v>106.97009248901909</v>
      </c>
      <c r="F35" s="6">
        <v>102.8697745553863</v>
      </c>
      <c r="G35" s="6">
        <v>84.682837977856011</v>
      </c>
    </row>
    <row r="37" spans="1:7" x14ac:dyDescent="0.25">
      <c r="A37" s="34" t="s">
        <v>94</v>
      </c>
    </row>
    <row r="38" spans="1:7" x14ac:dyDescent="0.25">
      <c r="A38" s="57" t="s">
        <v>262</v>
      </c>
      <c r="B38" s="57" t="s">
        <v>95</v>
      </c>
      <c r="C38" s="57" t="s">
        <v>96</v>
      </c>
      <c r="D38" s="57" t="s">
        <v>97</v>
      </c>
      <c r="E38" s="57" t="s">
        <v>98</v>
      </c>
      <c r="F38" s="57" t="s">
        <v>99</v>
      </c>
      <c r="G38" s="57" t="s">
        <v>100</v>
      </c>
    </row>
    <row r="39" spans="1:7" x14ac:dyDescent="0.25">
      <c r="A39" s="40" t="s">
        <v>64</v>
      </c>
      <c r="B39" s="51">
        <v>0</v>
      </c>
      <c r="C39" s="51">
        <v>0</v>
      </c>
      <c r="D39" s="51">
        <v>0</v>
      </c>
      <c r="E39" s="51">
        <v>0</v>
      </c>
      <c r="F39" s="51">
        <v>0</v>
      </c>
      <c r="G39" s="51">
        <v>0</v>
      </c>
    </row>
    <row r="40" spans="1:7" x14ac:dyDescent="0.25">
      <c r="A40" s="40" t="s">
        <v>65</v>
      </c>
      <c r="B40" s="51">
        <v>7.7455773040779885E-3</v>
      </c>
      <c r="C40" s="51">
        <v>-3.2876452187020178E-2</v>
      </c>
      <c r="D40" s="51">
        <v>-1.6079393469643155E-2</v>
      </c>
      <c r="E40" s="51">
        <v>1.0238622809481956E-2</v>
      </c>
      <c r="F40" s="51">
        <v>2.7937942205537913E-2</v>
      </c>
      <c r="G40" s="51">
        <v>-3.5795316874303373E-2</v>
      </c>
    </row>
    <row r="41" spans="1:7" x14ac:dyDescent="0.25">
      <c r="A41" s="40" t="s">
        <v>66</v>
      </c>
      <c r="B41" s="51">
        <v>-5.0171669343184622E-2</v>
      </c>
      <c r="C41" s="51">
        <v>-7.0959251174150695E-2</v>
      </c>
      <c r="D41" s="51">
        <v>-3.9189869601847671E-2</v>
      </c>
      <c r="E41" s="51">
        <v>-5.5391407548636917E-2</v>
      </c>
      <c r="F41" s="51">
        <v>4.7885221886794893E-2</v>
      </c>
      <c r="G41" s="51">
        <v>-9.5100974116028025E-2</v>
      </c>
    </row>
    <row r="42" spans="1:7" x14ac:dyDescent="0.25">
      <c r="A42" s="40" t="s">
        <v>67</v>
      </c>
      <c r="B42" s="51">
        <v>-2.7955167063268394E-2</v>
      </c>
      <c r="C42" s="51">
        <v>-9.8489762651957524E-2</v>
      </c>
      <c r="D42" s="51">
        <v>-5.7707019849264629E-2</v>
      </c>
      <c r="E42" s="51">
        <v>-8.3639925258995884E-2</v>
      </c>
      <c r="F42" s="51">
        <v>4.6459112501409994E-2</v>
      </c>
      <c r="G42" s="51">
        <v>-0.12843138479898897</v>
      </c>
    </row>
    <row r="43" spans="1:7" x14ac:dyDescent="0.25">
      <c r="A43" s="40" t="s">
        <v>68</v>
      </c>
      <c r="B43" s="51">
        <v>-3.0013221185984817E-2</v>
      </c>
      <c r="C43" s="51">
        <v>-9.9438760526728398E-2</v>
      </c>
      <c r="D43" s="51">
        <v>-6.7296249351320836E-2</v>
      </c>
      <c r="E43" s="51">
        <v>-0.11898945753400014</v>
      </c>
      <c r="F43" s="51">
        <v>6.8136078172754022E-2</v>
      </c>
      <c r="G43" s="51">
        <v>-0.17530199783540623</v>
      </c>
    </row>
    <row r="44" spans="1:7" x14ac:dyDescent="0.25">
      <c r="A44" s="40" t="s">
        <v>101</v>
      </c>
      <c r="B44" s="51">
        <v>-3.980287238511826E-2</v>
      </c>
      <c r="C44" s="51">
        <v>-8.8230067212825225E-2</v>
      </c>
      <c r="D44" s="51">
        <v>-7.7851850876168083E-2</v>
      </c>
      <c r="E44" s="51">
        <v>-0.15431571692995483</v>
      </c>
      <c r="F44" s="51">
        <v>-1.8417496968965441E-3</v>
      </c>
      <c r="G44" s="51">
        <v>-0.19917660462038644</v>
      </c>
    </row>
    <row r="45" spans="1:7" x14ac:dyDescent="0.25">
      <c r="A45" s="40" t="s">
        <v>70</v>
      </c>
      <c r="B45" s="51">
        <v>-0.19033299107377055</v>
      </c>
      <c r="C45" s="51">
        <v>-7.172940309768383E-2</v>
      </c>
      <c r="D45" s="51">
        <v>-9.6055170938082135E-2</v>
      </c>
      <c r="E45" s="51">
        <v>-0.16122808400933131</v>
      </c>
      <c r="F45" s="51">
        <v>-3.0722138583374581E-2</v>
      </c>
      <c r="G45" s="51">
        <v>-0.21970927272495411</v>
      </c>
    </row>
    <row r="46" spans="1:7" x14ac:dyDescent="0.25">
      <c r="A46" s="40" t="s">
        <v>71</v>
      </c>
      <c r="B46" s="51">
        <v>-8.3386564764908355E-2</v>
      </c>
      <c r="C46" s="51">
        <v>-0.11356276736765403</v>
      </c>
      <c r="D46" s="51">
        <v>-9.2638531706554339E-2</v>
      </c>
      <c r="E46" s="51">
        <v>-0.17817764163552108</v>
      </c>
      <c r="F46" s="51">
        <v>-6.6471758731139086E-2</v>
      </c>
      <c r="G46" s="51">
        <v>-0.25320644295095429</v>
      </c>
    </row>
    <row r="47" spans="1:7" x14ac:dyDescent="0.25">
      <c r="A47" s="40" t="s">
        <v>72</v>
      </c>
      <c r="B47" s="51">
        <v>-9.6243335589126677E-2</v>
      </c>
      <c r="C47" s="51">
        <v>-0.13057453428706245</v>
      </c>
      <c r="D47" s="51">
        <v>-9.7918806466057773E-2</v>
      </c>
      <c r="E47" s="51">
        <v>-0.18570129270269919</v>
      </c>
      <c r="F47" s="51">
        <v>-0.12488936369688441</v>
      </c>
      <c r="G47" s="51">
        <v>-0.27407999547426143</v>
      </c>
    </row>
    <row r="48" spans="1:7" x14ac:dyDescent="0.25">
      <c r="A48" s="40" t="s">
        <v>73</v>
      </c>
      <c r="B48" s="51">
        <v>-0.12453345137606286</v>
      </c>
      <c r="C48" s="51">
        <v>-0.16360765837014024</v>
      </c>
      <c r="D48" s="51">
        <v>-0.11900499410920062</v>
      </c>
      <c r="E48" s="51">
        <v>-0.20254969940468259</v>
      </c>
      <c r="F48" s="51">
        <v>-0.16623453457274207</v>
      </c>
      <c r="G48" s="51">
        <v>-0.30009930203894586</v>
      </c>
    </row>
    <row r="49" spans="1:7" x14ac:dyDescent="0.25">
      <c r="A49" s="40" t="s">
        <v>74</v>
      </c>
      <c r="B49" s="51">
        <v>-0.10703288673928435</v>
      </c>
      <c r="C49" s="51">
        <v>-0.18092015136539841</v>
      </c>
      <c r="D49" s="51">
        <v>-0.13507783997954725</v>
      </c>
      <c r="E49" s="51">
        <v>-0.2550334008543752</v>
      </c>
      <c r="F49" s="51">
        <v>-0.21427715357180199</v>
      </c>
      <c r="G49" s="51">
        <v>-0.34293020011840469</v>
      </c>
    </row>
    <row r="50" spans="1:7" x14ac:dyDescent="0.25">
      <c r="A50" s="40" t="s">
        <v>75</v>
      </c>
      <c r="B50" s="51">
        <v>-0.11098816872872552</v>
      </c>
      <c r="C50" s="51">
        <v>-0.20827484083924241</v>
      </c>
      <c r="D50" s="51">
        <v>-0.17865448015279917</v>
      </c>
      <c r="E50" s="51">
        <v>-0.24130254960613784</v>
      </c>
      <c r="F50" s="51">
        <v>-0.23792463475074421</v>
      </c>
      <c r="G50" s="51">
        <v>-0.399240719545504</v>
      </c>
    </row>
    <row r="51" spans="1:7" x14ac:dyDescent="0.25">
      <c r="A51" s="40" t="s">
        <v>76</v>
      </c>
      <c r="B51" s="51">
        <v>-0.1657741807341907</v>
      </c>
      <c r="C51" s="51">
        <v>-0.22781365682475307</v>
      </c>
      <c r="D51" s="51">
        <v>-0.21949454861419515</v>
      </c>
      <c r="E51" s="51">
        <v>-0.25986288941455793</v>
      </c>
      <c r="F51" s="51">
        <v>-0.29243517691372889</v>
      </c>
      <c r="G51" s="51">
        <v>-0.41325513141031422</v>
      </c>
    </row>
    <row r="52" spans="1:7" x14ac:dyDescent="0.25">
      <c r="A52" s="40" t="s">
        <v>77</v>
      </c>
      <c r="B52" s="51">
        <v>-0.17591902582991992</v>
      </c>
      <c r="C52" s="51">
        <v>-0.25698982034334872</v>
      </c>
      <c r="D52" s="51">
        <v>-0.21953831202609997</v>
      </c>
      <c r="E52" s="51">
        <v>-0.31468962586080473</v>
      </c>
      <c r="F52" s="51">
        <v>-0.33241163181981259</v>
      </c>
      <c r="G52" s="51">
        <v>-0.43285882307198675</v>
      </c>
    </row>
    <row r="53" spans="1:7" x14ac:dyDescent="0.25">
      <c r="A53" s="40" t="s">
        <v>78</v>
      </c>
      <c r="B53" s="51">
        <v>-0.17464063380148453</v>
      </c>
      <c r="C53" s="51">
        <v>-0.27978422318048768</v>
      </c>
      <c r="D53" s="51">
        <v>-0.18948521877656155</v>
      </c>
      <c r="E53" s="51">
        <v>-0.26782014845515201</v>
      </c>
      <c r="F53" s="51">
        <v>-0.37799782852666919</v>
      </c>
      <c r="G53" s="51">
        <v>-0.43827031182889953</v>
      </c>
    </row>
    <row r="54" spans="1:7" x14ac:dyDescent="0.25">
      <c r="A54" s="40" t="s">
        <v>79</v>
      </c>
      <c r="B54" s="51">
        <v>-0.17206485998065779</v>
      </c>
      <c r="C54" s="51">
        <v>-0.29769538584389632</v>
      </c>
      <c r="D54" s="51">
        <v>-0.17698399566615908</v>
      </c>
      <c r="E54" s="51">
        <v>-0.32351894927191005</v>
      </c>
      <c r="F54" s="51">
        <v>-0.2899027781434661</v>
      </c>
      <c r="G54" s="51">
        <v>-0.45277850154334187</v>
      </c>
    </row>
    <row r="55" spans="1:7" x14ac:dyDescent="0.25">
      <c r="A55" s="40" t="s">
        <v>80</v>
      </c>
      <c r="B55" s="51">
        <v>-0.1880161272510249</v>
      </c>
      <c r="C55" s="51">
        <v>-0.32809581090443229</v>
      </c>
      <c r="D55" s="51">
        <v>-0.18149244586160396</v>
      </c>
      <c r="E55" s="51">
        <v>-0.3372319155247242</v>
      </c>
      <c r="F55" s="51">
        <v>-0.25700088689819767</v>
      </c>
      <c r="G55" s="51">
        <v>-0.46159936975831106</v>
      </c>
    </row>
    <row r="56" spans="1:7" x14ac:dyDescent="0.25">
      <c r="A56" s="40" t="s">
        <v>81</v>
      </c>
      <c r="B56" s="51">
        <v>-0.13748292962044628</v>
      </c>
      <c r="C56" s="51">
        <v>-0.35631661617955435</v>
      </c>
      <c r="D56" s="51">
        <v>-0.1979537712195335</v>
      </c>
      <c r="E56" s="51">
        <v>-0.35291827535401021</v>
      </c>
      <c r="F56" s="51">
        <v>-0.25796481051655995</v>
      </c>
      <c r="G56" s="51">
        <v>-0.45660819786218598</v>
      </c>
    </row>
    <row r="57" spans="1:7" x14ac:dyDescent="0.25">
      <c r="A57" s="40" t="s">
        <v>82</v>
      </c>
      <c r="B57" s="51">
        <v>-0.11282405141410079</v>
      </c>
      <c r="C57" s="51">
        <v>-0.34905250750459782</v>
      </c>
      <c r="D57" s="51">
        <v>-0.21730764416712545</v>
      </c>
      <c r="E57" s="51">
        <v>-0.38696116697191962</v>
      </c>
      <c r="F57" s="51">
        <v>-0.24444662232408398</v>
      </c>
      <c r="G57" s="51">
        <v>-0.46603474982777238</v>
      </c>
    </row>
    <row r="58" spans="1:7" x14ac:dyDescent="0.25">
      <c r="A58" s="40" t="s">
        <v>83</v>
      </c>
      <c r="B58" s="51">
        <v>-9.3969855853037632E-2</v>
      </c>
      <c r="C58" s="51">
        <v>-0.36954251252498926</v>
      </c>
      <c r="D58" s="51">
        <v>-0.20844372163595037</v>
      </c>
      <c r="E58" s="51">
        <v>-0.39298700963749578</v>
      </c>
      <c r="F58" s="51">
        <v>-0.26486645034079026</v>
      </c>
      <c r="G58" s="51">
        <v>-0.48837353969106467</v>
      </c>
    </row>
    <row r="59" spans="1:7" x14ac:dyDescent="0.25">
      <c r="A59" s="40" t="s">
        <v>84</v>
      </c>
      <c r="B59" s="51">
        <v>-0.17702372815154777</v>
      </c>
      <c r="C59" s="51">
        <v>-0.36527058297205595</v>
      </c>
      <c r="D59" s="51">
        <v>-0.21417674205525128</v>
      </c>
      <c r="E59" s="51">
        <v>-0.39416773506814939</v>
      </c>
      <c r="F59" s="51">
        <v>-0.24323154278361381</v>
      </c>
      <c r="G59" s="51">
        <v>-0.49640795483541678</v>
      </c>
    </row>
    <row r="60" spans="1:7" x14ac:dyDescent="0.25">
      <c r="A60" s="40" t="s">
        <v>85</v>
      </c>
      <c r="B60" s="51">
        <v>-0.21765445857125609</v>
      </c>
      <c r="C60" s="51">
        <v>-0.35552203320153442</v>
      </c>
      <c r="D60" s="51">
        <v>-0.21603192059787957</v>
      </c>
      <c r="E60" s="51">
        <v>-0.43074667410212919</v>
      </c>
      <c r="F60" s="51">
        <v>-0.28856356174502729</v>
      </c>
      <c r="G60" s="51">
        <v>-0.50029148763840658</v>
      </c>
    </row>
    <row r="61" spans="1:7" x14ac:dyDescent="0.25">
      <c r="A61" s="40" t="s">
        <v>86</v>
      </c>
      <c r="B61" s="51">
        <v>-0.23509206901820479</v>
      </c>
      <c r="C61" s="51">
        <v>-0.34767124262215521</v>
      </c>
      <c r="D61" s="51">
        <v>-0.23635883819019909</v>
      </c>
      <c r="E61" s="51">
        <v>-0.39787346942114954</v>
      </c>
      <c r="F61" s="51">
        <v>-0.29854033318281969</v>
      </c>
      <c r="G61" s="51">
        <v>-0.50107846570769743</v>
      </c>
    </row>
    <row r="62" spans="1:7" x14ac:dyDescent="0.25">
      <c r="A62" s="40" t="s">
        <v>87</v>
      </c>
      <c r="B62" s="51">
        <v>-0.22591958994586381</v>
      </c>
      <c r="C62" s="51">
        <v>-0.35841789734518681</v>
      </c>
      <c r="D62" s="51">
        <v>-0.23350373338605623</v>
      </c>
      <c r="E62" s="51">
        <v>-0.40521142328211723</v>
      </c>
      <c r="F62" s="51">
        <v>-0.31208534226234086</v>
      </c>
      <c r="G62" s="51">
        <v>-0.52146512949306112</v>
      </c>
    </row>
    <row r="63" spans="1:7" x14ac:dyDescent="0.25">
      <c r="A63" s="40" t="s">
        <v>88</v>
      </c>
      <c r="B63" s="51">
        <v>-0.25865001995009551</v>
      </c>
      <c r="C63" s="51">
        <v>-0.36891654694207099</v>
      </c>
      <c r="D63" s="51">
        <v>-0.27070607729035012</v>
      </c>
      <c r="E63" s="51">
        <v>-0.43386659416732365</v>
      </c>
      <c r="F63" s="51">
        <v>-0.30913421232110483</v>
      </c>
      <c r="G63" s="51">
        <v>-0.53601475088339834</v>
      </c>
    </row>
    <row r="64" spans="1:7" x14ac:dyDescent="0.25">
      <c r="A64" s="40" t="s">
        <v>89</v>
      </c>
      <c r="B64" s="51">
        <v>-0.27225648197275865</v>
      </c>
      <c r="C64" s="51">
        <v>-0.41573966566949305</v>
      </c>
      <c r="D64" s="51">
        <v>-0.25549189323491028</v>
      </c>
      <c r="E64" s="51">
        <v>-0.41773038854509137</v>
      </c>
      <c r="F64" s="51">
        <v>-0.30110419420161216</v>
      </c>
      <c r="G64" s="51">
        <v>-0.52158055994489361</v>
      </c>
    </row>
  </sheetData>
  <pageMargins left="0.7" right="0.7" top="0.75" bottom="0.75" header="0.3" footer="0.3"/>
</worksheet>
</file>

<file path=xl/worksheets/sheet2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5CCC400-5430-4577-AFFA-27DB27A909A3}">
  <dimension ref="A1:J28"/>
  <sheetViews>
    <sheetView workbookViewId="0">
      <selection activeCell="B6" sqref="B6"/>
    </sheetView>
  </sheetViews>
  <sheetFormatPr defaultColWidth="8.6640625" defaultRowHeight="13.2" x14ac:dyDescent="0.25"/>
  <cols>
    <col min="1" max="1" width="11.33203125" bestFit="1" customWidth="1"/>
    <col min="2" max="2" width="13.33203125" bestFit="1" customWidth="1"/>
    <col min="3" max="3" width="22.88671875" bestFit="1" customWidth="1"/>
    <col min="4" max="4" width="5.6640625" bestFit="1" customWidth="1"/>
    <col min="5" max="5" width="15.6640625" bestFit="1" customWidth="1"/>
    <col min="6" max="7" width="5.5546875" bestFit="1" customWidth="1"/>
  </cols>
  <sheetData>
    <row r="1" spans="1:10" s="19" customFormat="1" x14ac:dyDescent="0.25">
      <c r="A1" s="18" t="s">
        <v>55</v>
      </c>
      <c r="B1" s="55"/>
      <c r="C1" s="55"/>
    </row>
    <row r="2" spans="1:10" x14ac:dyDescent="0.25">
      <c r="A2" s="21" t="s">
        <v>2</v>
      </c>
      <c r="B2" t="s">
        <v>56</v>
      </c>
    </row>
    <row r="3" spans="1:10" x14ac:dyDescent="0.25">
      <c r="A3" s="21" t="s">
        <v>102</v>
      </c>
      <c r="B3" s="59" t="s">
        <v>263</v>
      </c>
    </row>
    <row r="4" spans="1:10" x14ac:dyDescent="0.25">
      <c r="A4" s="21" t="s">
        <v>103</v>
      </c>
      <c r="B4" s="58" t="s">
        <v>264</v>
      </c>
    </row>
    <row r="5" spans="1:10" x14ac:dyDescent="0.25">
      <c r="A5" s="21" t="s">
        <v>3</v>
      </c>
      <c r="B5" s="59" t="s">
        <v>265</v>
      </c>
    </row>
    <row r="7" spans="1:10" s="22" customFormat="1" x14ac:dyDescent="0.25">
      <c r="A7" s="23" t="s">
        <v>59</v>
      </c>
    </row>
    <row r="8" spans="1:10" x14ac:dyDescent="0.25">
      <c r="B8" s="4"/>
      <c r="C8" s="15"/>
      <c r="D8" s="8"/>
      <c r="E8" s="3"/>
      <c r="F8" s="3"/>
      <c r="G8" s="3"/>
    </row>
    <row r="9" spans="1:10" x14ac:dyDescent="0.25">
      <c r="A9" s="27" t="s">
        <v>262</v>
      </c>
      <c r="B9" s="27" t="s">
        <v>266</v>
      </c>
      <c r="C9" s="27" t="s">
        <v>267</v>
      </c>
      <c r="D9" s="60"/>
      <c r="F9" s="4"/>
      <c r="G9" s="4"/>
    </row>
    <row r="10" spans="1:10" x14ac:dyDescent="0.25">
      <c r="A10" s="7">
        <v>2020</v>
      </c>
      <c r="B10" s="7" t="s">
        <v>174</v>
      </c>
      <c r="C10" s="28">
        <v>1.4377065853038391</v>
      </c>
      <c r="F10" s="1"/>
      <c r="G10" s="1"/>
      <c r="I10" s="2"/>
      <c r="J10" s="2"/>
    </row>
    <row r="11" spans="1:10" x14ac:dyDescent="0.25">
      <c r="A11" s="7">
        <v>2020</v>
      </c>
      <c r="B11" s="7" t="s">
        <v>100</v>
      </c>
      <c r="C11" s="28">
        <v>1.26195652173913</v>
      </c>
      <c r="F11" s="4"/>
      <c r="G11" s="4"/>
      <c r="I11" s="2"/>
      <c r="J11" s="2"/>
    </row>
    <row r="12" spans="1:10" x14ac:dyDescent="0.25">
      <c r="A12" s="7">
        <v>2020</v>
      </c>
      <c r="B12" s="7" t="s">
        <v>145</v>
      </c>
      <c r="C12" s="28">
        <v>1.143370463528566</v>
      </c>
      <c r="F12" s="13"/>
      <c r="G12" s="13"/>
      <c r="I12" s="2"/>
      <c r="J12" s="2"/>
    </row>
    <row r="13" spans="1:10" x14ac:dyDescent="0.25">
      <c r="A13" s="7">
        <v>2020</v>
      </c>
      <c r="B13" s="7" t="s">
        <v>97</v>
      </c>
      <c r="C13" s="28">
        <v>1.0407319952774501</v>
      </c>
      <c r="F13" s="13"/>
      <c r="G13" s="13"/>
      <c r="I13" s="2"/>
      <c r="J13" s="2"/>
    </row>
    <row r="14" spans="1:10" x14ac:dyDescent="0.25">
      <c r="A14" s="7">
        <v>2020</v>
      </c>
      <c r="B14" s="7" t="s">
        <v>95</v>
      </c>
      <c r="C14" s="28">
        <v>1</v>
      </c>
      <c r="F14" s="13"/>
      <c r="G14" s="13"/>
      <c r="I14" s="2"/>
      <c r="J14" s="2"/>
    </row>
    <row r="15" spans="1:10" x14ac:dyDescent="0.25">
      <c r="A15" s="7">
        <v>2020</v>
      </c>
      <c r="B15" s="7" t="s">
        <v>173</v>
      </c>
      <c r="C15" s="28">
        <v>0.95425724637681142</v>
      </c>
      <c r="F15" s="13"/>
      <c r="G15" s="13"/>
      <c r="I15" s="2"/>
      <c r="J15" s="2"/>
    </row>
    <row r="16" spans="1:10" x14ac:dyDescent="0.25">
      <c r="A16" s="7">
        <v>2020</v>
      </c>
      <c r="B16" s="7" t="s">
        <v>98</v>
      </c>
      <c r="C16" s="28">
        <v>0.91534653465346538</v>
      </c>
      <c r="F16" s="13"/>
      <c r="G16" s="13"/>
      <c r="I16" s="2"/>
      <c r="J16" s="2"/>
    </row>
    <row r="17" spans="1:10" x14ac:dyDescent="0.25">
      <c r="A17" s="7">
        <v>2020</v>
      </c>
      <c r="B17" s="7" t="s">
        <v>268</v>
      </c>
      <c r="C17" s="28">
        <v>0.89781930054743697</v>
      </c>
      <c r="F17" s="13"/>
      <c r="G17" s="13"/>
      <c r="I17" s="2"/>
      <c r="J17" s="2"/>
    </row>
    <row r="18" spans="1:10" x14ac:dyDescent="0.25">
      <c r="A18" s="7">
        <v>2020</v>
      </c>
      <c r="B18" s="7" t="s">
        <v>175</v>
      </c>
      <c r="C18" s="28">
        <v>0.85688405797101441</v>
      </c>
      <c r="F18" s="13"/>
      <c r="G18" s="13"/>
    </row>
    <row r="19" spans="1:10" x14ac:dyDescent="0.25">
      <c r="A19" s="7">
        <v>2020</v>
      </c>
      <c r="B19" s="7" t="s">
        <v>269</v>
      </c>
      <c r="C19" s="28">
        <v>0.79741020793950845</v>
      </c>
      <c r="F19" s="13"/>
      <c r="G19" s="13"/>
    </row>
    <row r="20" spans="1:10" x14ac:dyDescent="0.25">
      <c r="A20" s="7">
        <v>2020</v>
      </c>
      <c r="B20" s="7" t="s">
        <v>270</v>
      </c>
      <c r="C20" s="28">
        <v>0.78776568465439623</v>
      </c>
      <c r="F20" s="13"/>
      <c r="G20" s="13"/>
    </row>
    <row r="21" spans="1:10" x14ac:dyDescent="0.25">
      <c r="A21" s="7">
        <v>2020</v>
      </c>
      <c r="B21" s="7" t="s">
        <v>96</v>
      </c>
      <c r="C21" s="28">
        <v>0.78404750693245429</v>
      </c>
      <c r="F21" s="13"/>
      <c r="G21" s="13"/>
    </row>
    <row r="22" spans="1:10" x14ac:dyDescent="0.25">
      <c r="A22" s="7">
        <v>2020</v>
      </c>
      <c r="B22" s="7" t="s">
        <v>99</v>
      </c>
      <c r="C22" s="28">
        <v>0.71033927480704073</v>
      </c>
      <c r="F22" s="13"/>
      <c r="G22" s="13"/>
    </row>
    <row r="23" spans="1:10" x14ac:dyDescent="0.25">
      <c r="A23" s="7">
        <v>2020</v>
      </c>
      <c r="B23" s="7" t="s">
        <v>176</v>
      </c>
      <c r="C23" s="28">
        <v>0.66470689457382126</v>
      </c>
      <c r="F23" s="13"/>
      <c r="G23" s="13"/>
    </row>
    <row r="24" spans="1:10" x14ac:dyDescent="0.25">
      <c r="B24" s="4"/>
      <c r="C24" s="15"/>
    </row>
    <row r="25" spans="1:10" x14ac:dyDescent="0.25">
      <c r="B25" s="1"/>
      <c r="C25" s="1"/>
    </row>
    <row r="26" spans="1:10" x14ac:dyDescent="0.25">
      <c r="B26" s="1"/>
      <c r="C26" s="1"/>
    </row>
    <row r="27" spans="1:10" ht="13.8" x14ac:dyDescent="0.3">
      <c r="B27" s="40"/>
      <c r="C27" s="56"/>
    </row>
    <row r="28" spans="1:10" ht="13.8" x14ac:dyDescent="0.3">
      <c r="B28" s="5"/>
      <c r="C28" s="56"/>
    </row>
  </sheetData>
  <pageMargins left="0.7" right="0.7" top="0.75" bottom="0.75" header="0.3" footer="0.3"/>
</worksheet>
</file>

<file path=xl/worksheets/sheet2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9657FAC-09F8-4D36-AFFF-A262F20424AC}">
  <dimension ref="A1:J37"/>
  <sheetViews>
    <sheetView workbookViewId="0">
      <selection activeCell="I14" sqref="I14"/>
    </sheetView>
  </sheetViews>
  <sheetFormatPr defaultRowHeight="13.2" x14ac:dyDescent="0.25"/>
  <cols>
    <col min="1" max="1" width="11.109375" bestFit="1" customWidth="1"/>
    <col min="2" max="2" width="8.44140625" bestFit="1" customWidth="1"/>
    <col min="3" max="3" width="36.6640625" bestFit="1" customWidth="1"/>
    <col min="4" max="7" width="5.5546875" bestFit="1" customWidth="1"/>
  </cols>
  <sheetData>
    <row r="1" spans="1:10" s="19" customFormat="1" ht="13.8" x14ac:dyDescent="0.25">
      <c r="A1" s="18" t="s">
        <v>57</v>
      </c>
      <c r="B1" s="24"/>
      <c r="C1" s="24"/>
    </row>
    <row r="2" spans="1:10" x14ac:dyDescent="0.25">
      <c r="A2" s="25" t="s">
        <v>2</v>
      </c>
      <c r="B2" s="29" t="s">
        <v>58</v>
      </c>
    </row>
    <row r="3" spans="1:10" x14ac:dyDescent="0.25">
      <c r="A3" s="25" t="s">
        <v>102</v>
      </c>
      <c r="B3" s="30" t="s">
        <v>271</v>
      </c>
    </row>
    <row r="4" spans="1:10" x14ac:dyDescent="0.25">
      <c r="A4" s="25" t="s">
        <v>103</v>
      </c>
      <c r="B4" s="29" t="s">
        <v>272</v>
      </c>
    </row>
    <row r="5" spans="1:10" x14ac:dyDescent="0.25">
      <c r="A5" s="25" t="s">
        <v>3</v>
      </c>
      <c r="B5" s="30" t="s">
        <v>273</v>
      </c>
    </row>
    <row r="7" spans="1:10" s="22" customFormat="1" x14ac:dyDescent="0.25">
      <c r="A7" s="23" t="s">
        <v>59</v>
      </c>
    </row>
    <row r="8" spans="1:10" x14ac:dyDescent="0.25">
      <c r="B8" s="4"/>
      <c r="C8" s="15"/>
      <c r="D8" s="8"/>
      <c r="E8" s="3"/>
      <c r="F8" s="3"/>
      <c r="G8" s="3"/>
    </row>
    <row r="9" spans="1:10" x14ac:dyDescent="0.25">
      <c r="A9" s="7" t="s">
        <v>274</v>
      </c>
      <c r="B9" s="26" t="s">
        <v>275</v>
      </c>
      <c r="C9" s="31" t="s">
        <v>276</v>
      </c>
      <c r="D9" s="4"/>
      <c r="E9" s="1"/>
      <c r="F9" s="4"/>
      <c r="G9" s="4"/>
    </row>
    <row r="10" spans="1:10" x14ac:dyDescent="0.25">
      <c r="A10" s="7" t="s">
        <v>277</v>
      </c>
      <c r="B10" s="26" t="s">
        <v>278</v>
      </c>
      <c r="C10" s="76">
        <v>167.67069369999999</v>
      </c>
      <c r="D10" s="1"/>
      <c r="E10" s="1"/>
      <c r="F10" s="1"/>
      <c r="G10" s="1"/>
      <c r="I10" s="2"/>
      <c r="J10" s="2"/>
    </row>
    <row r="11" spans="1:10" x14ac:dyDescent="0.25">
      <c r="A11" s="7" t="s">
        <v>277</v>
      </c>
      <c r="B11" s="26" t="s">
        <v>95</v>
      </c>
      <c r="C11" s="76">
        <v>152.2921661</v>
      </c>
      <c r="D11" s="4"/>
      <c r="E11" s="4"/>
      <c r="F11" s="4"/>
      <c r="G11" s="4"/>
      <c r="I11" s="2"/>
      <c r="J11" s="2"/>
    </row>
    <row r="12" spans="1:10" x14ac:dyDescent="0.25">
      <c r="A12" s="7" t="s">
        <v>277</v>
      </c>
      <c r="B12" s="26" t="s">
        <v>268</v>
      </c>
      <c r="C12" s="77">
        <v>145.8727854</v>
      </c>
      <c r="D12" s="13"/>
      <c r="E12" s="14"/>
      <c r="F12" s="13"/>
      <c r="G12" s="13"/>
      <c r="I12" s="2"/>
      <c r="J12" s="2"/>
    </row>
    <row r="13" spans="1:10" x14ac:dyDescent="0.25">
      <c r="A13" s="7" t="s">
        <v>277</v>
      </c>
      <c r="B13" s="26" t="s">
        <v>269</v>
      </c>
      <c r="C13" s="77">
        <v>105.5608215</v>
      </c>
      <c r="D13" s="13"/>
      <c r="E13" s="14"/>
      <c r="F13" s="13"/>
      <c r="G13" s="13"/>
      <c r="I13" s="2"/>
      <c r="J13" s="2"/>
    </row>
    <row r="14" spans="1:10" x14ac:dyDescent="0.25">
      <c r="A14" s="7" t="s">
        <v>277</v>
      </c>
      <c r="B14" s="26" t="s">
        <v>279</v>
      </c>
      <c r="C14" s="77">
        <v>71.131599769999994</v>
      </c>
      <c r="D14" s="13"/>
      <c r="E14" s="14"/>
      <c r="F14" s="13"/>
      <c r="G14" s="13"/>
      <c r="I14" s="2"/>
      <c r="J14" s="2"/>
    </row>
    <row r="15" spans="1:10" x14ac:dyDescent="0.25">
      <c r="A15" s="7" t="s">
        <v>277</v>
      </c>
      <c r="B15" s="26" t="s">
        <v>97</v>
      </c>
      <c r="C15" s="78">
        <v>71.063763730000005</v>
      </c>
      <c r="D15" s="13"/>
      <c r="E15" s="14"/>
      <c r="F15" s="13"/>
      <c r="G15" s="13"/>
      <c r="I15" s="2"/>
      <c r="J15" s="2"/>
    </row>
    <row r="16" spans="1:10" x14ac:dyDescent="0.25">
      <c r="A16" s="7" t="s">
        <v>277</v>
      </c>
      <c r="B16" s="26" t="s">
        <v>280</v>
      </c>
      <c r="C16" s="79">
        <v>60.995036630000001</v>
      </c>
      <c r="D16" s="13"/>
      <c r="E16" s="14"/>
      <c r="F16" s="13"/>
      <c r="G16" s="13"/>
      <c r="I16" s="2"/>
      <c r="J16" s="2"/>
    </row>
    <row r="17" spans="1:10" x14ac:dyDescent="0.25">
      <c r="A17" s="7" t="s">
        <v>277</v>
      </c>
      <c r="B17" s="26" t="s">
        <v>270</v>
      </c>
      <c r="C17" s="77">
        <v>50.25125628</v>
      </c>
      <c r="D17" s="13"/>
      <c r="E17" s="14"/>
      <c r="F17" s="13"/>
      <c r="G17" s="13"/>
      <c r="I17" s="2"/>
      <c r="J17" s="2"/>
    </row>
    <row r="18" spans="1:10" x14ac:dyDescent="0.25">
      <c r="A18" s="7"/>
      <c r="B18" s="26"/>
      <c r="C18" s="32"/>
      <c r="D18" s="13"/>
      <c r="E18" s="14"/>
      <c r="F18" s="13"/>
      <c r="G18" s="13"/>
    </row>
    <row r="19" spans="1:10" x14ac:dyDescent="0.25">
      <c r="A19" s="7" t="s">
        <v>274</v>
      </c>
      <c r="B19" s="26" t="s">
        <v>275</v>
      </c>
      <c r="C19" s="31" t="s">
        <v>276</v>
      </c>
      <c r="D19" s="13"/>
      <c r="E19" s="14"/>
      <c r="F19" s="13"/>
      <c r="G19" s="13"/>
    </row>
    <row r="20" spans="1:10" x14ac:dyDescent="0.25">
      <c r="A20" s="7" t="s">
        <v>281</v>
      </c>
      <c r="B20" s="26" t="s">
        <v>95</v>
      </c>
      <c r="C20" s="77">
        <v>187.57271399999999</v>
      </c>
      <c r="D20" s="13"/>
      <c r="E20" s="14"/>
      <c r="F20" s="13"/>
      <c r="G20" s="13"/>
    </row>
    <row r="21" spans="1:10" x14ac:dyDescent="0.25">
      <c r="A21" s="7" t="s">
        <v>281</v>
      </c>
      <c r="B21" s="26" t="s">
        <v>268</v>
      </c>
      <c r="C21" s="77">
        <v>185.7452792</v>
      </c>
      <c r="D21" s="13"/>
      <c r="E21" s="14"/>
      <c r="F21" s="13"/>
      <c r="G21" s="13"/>
    </row>
    <row r="22" spans="1:10" x14ac:dyDescent="0.25">
      <c r="A22" s="7" t="s">
        <v>281</v>
      </c>
      <c r="B22" s="26" t="s">
        <v>269</v>
      </c>
      <c r="C22" s="79">
        <v>148.80054369999999</v>
      </c>
      <c r="D22" s="13"/>
      <c r="E22" s="13"/>
      <c r="F22" s="13"/>
      <c r="G22" s="13"/>
    </row>
    <row r="23" spans="1:10" x14ac:dyDescent="0.25">
      <c r="A23" s="7" t="s">
        <v>281</v>
      </c>
      <c r="B23" s="26" t="s">
        <v>270</v>
      </c>
      <c r="C23" s="80">
        <v>122.8707065</v>
      </c>
      <c r="D23" s="13"/>
      <c r="E23" s="13"/>
      <c r="F23" s="13"/>
      <c r="G23" s="13"/>
    </row>
    <row r="24" spans="1:10" x14ac:dyDescent="0.25">
      <c r="A24" s="7" t="s">
        <v>281</v>
      </c>
      <c r="B24" s="26" t="s">
        <v>279</v>
      </c>
      <c r="C24" s="76">
        <v>116.62565600000001</v>
      </c>
    </row>
    <row r="25" spans="1:10" x14ac:dyDescent="0.25">
      <c r="A25" s="7" t="s">
        <v>281</v>
      </c>
      <c r="B25" s="26" t="s">
        <v>97</v>
      </c>
      <c r="C25" s="76">
        <v>101.83467709999999</v>
      </c>
    </row>
    <row r="26" spans="1:10" x14ac:dyDescent="0.25">
      <c r="A26" s="7" t="s">
        <v>281</v>
      </c>
      <c r="B26" s="26" t="s">
        <v>278</v>
      </c>
      <c r="C26" s="76">
        <v>57.203376689999999</v>
      </c>
    </row>
    <row r="27" spans="1:10" x14ac:dyDescent="0.25">
      <c r="A27" s="7" t="s">
        <v>281</v>
      </c>
      <c r="B27" s="7" t="s">
        <v>280</v>
      </c>
      <c r="C27" s="76">
        <v>31.268292679999998</v>
      </c>
    </row>
    <row r="28" spans="1:10" x14ac:dyDescent="0.25">
      <c r="A28" s="7"/>
      <c r="B28" s="7"/>
      <c r="C28" s="7"/>
    </row>
    <row r="29" spans="1:10" x14ac:dyDescent="0.25">
      <c r="A29" s="7" t="s">
        <v>274</v>
      </c>
      <c r="B29" s="7" t="s">
        <v>275</v>
      </c>
      <c r="C29" s="31" t="s">
        <v>276</v>
      </c>
    </row>
    <row r="30" spans="1:10" x14ac:dyDescent="0.25">
      <c r="A30" s="33" t="s">
        <v>282</v>
      </c>
      <c r="B30" s="7" t="s">
        <v>268</v>
      </c>
      <c r="C30" s="81">
        <v>225.09390619999999</v>
      </c>
    </row>
    <row r="31" spans="1:10" x14ac:dyDescent="0.25">
      <c r="A31" s="33" t="s">
        <v>282</v>
      </c>
      <c r="B31" s="7" t="s">
        <v>270</v>
      </c>
      <c r="C31" s="81">
        <v>180.08747109999999</v>
      </c>
    </row>
    <row r="32" spans="1:10" x14ac:dyDescent="0.25">
      <c r="A32" s="33" t="s">
        <v>282</v>
      </c>
      <c r="B32" s="7" t="s">
        <v>279</v>
      </c>
      <c r="C32" s="81">
        <v>147.45376099999999</v>
      </c>
    </row>
    <row r="33" spans="1:3" x14ac:dyDescent="0.25">
      <c r="A33" s="33" t="s">
        <v>282</v>
      </c>
      <c r="B33" s="7" t="s">
        <v>95</v>
      </c>
      <c r="C33" s="81">
        <v>140.98281019999999</v>
      </c>
    </row>
    <row r="34" spans="1:3" x14ac:dyDescent="0.25">
      <c r="A34" s="33" t="s">
        <v>282</v>
      </c>
      <c r="B34" s="7" t="s">
        <v>97</v>
      </c>
      <c r="C34" s="81">
        <v>120.66089530000001</v>
      </c>
    </row>
    <row r="35" spans="1:3" x14ac:dyDescent="0.25">
      <c r="A35" s="33" t="s">
        <v>282</v>
      </c>
      <c r="B35" s="7" t="s">
        <v>269</v>
      </c>
      <c r="C35" s="81">
        <v>118.63002109999999</v>
      </c>
    </row>
    <row r="36" spans="1:3" x14ac:dyDescent="0.25">
      <c r="A36" s="33" t="s">
        <v>282</v>
      </c>
      <c r="B36" s="7" t="s">
        <v>278</v>
      </c>
      <c r="C36" s="81">
        <v>69.121570509999998</v>
      </c>
    </row>
    <row r="37" spans="1:3" x14ac:dyDescent="0.25">
      <c r="A37" s="33" t="s">
        <v>282</v>
      </c>
      <c r="B37" s="7" t="s">
        <v>280</v>
      </c>
      <c r="C37" s="81">
        <v>61.665747379999999</v>
      </c>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EB38008-803A-40A8-BF36-36C08ECDDB38}">
  <dimension ref="A1:J34"/>
  <sheetViews>
    <sheetView workbookViewId="0">
      <selection activeCell="I23" sqref="I23"/>
    </sheetView>
  </sheetViews>
  <sheetFormatPr defaultColWidth="8.6640625" defaultRowHeight="13.2" x14ac:dyDescent="0.25"/>
  <cols>
    <col min="1" max="1" width="16.6640625" style="5" customWidth="1"/>
    <col min="2" max="2" width="9.109375" style="5" customWidth="1"/>
    <col min="3" max="3" width="6.6640625" style="5" bestFit="1" customWidth="1"/>
    <col min="4" max="4" width="8.44140625" style="5" bestFit="1" customWidth="1"/>
    <col min="5" max="5" width="7.44140625" style="5" bestFit="1" customWidth="1"/>
    <col min="6" max="6" width="13.88671875" style="5" bestFit="1" customWidth="1"/>
    <col min="7" max="7" width="11.6640625" style="5" bestFit="1" customWidth="1"/>
    <col min="8" max="16384" width="8.6640625" style="5"/>
  </cols>
  <sheetData>
    <row r="1" spans="1:10" s="19" customFormat="1" ht="13.8" x14ac:dyDescent="0.25">
      <c r="A1" s="18" t="s">
        <v>7</v>
      </c>
      <c r="B1" s="20"/>
      <c r="C1" s="20"/>
    </row>
    <row r="2" spans="1:10" customFormat="1" x14ac:dyDescent="0.25">
      <c r="A2" s="21" t="s">
        <v>2</v>
      </c>
      <c r="B2" t="s">
        <v>8</v>
      </c>
    </row>
    <row r="3" spans="1:10" customFormat="1" x14ac:dyDescent="0.25">
      <c r="A3" s="21" t="s">
        <v>3</v>
      </c>
      <c r="B3" t="s">
        <v>93</v>
      </c>
    </row>
    <row r="4" spans="1:10" customFormat="1" x14ac:dyDescent="0.25"/>
    <row r="5" spans="1:10" s="22" customFormat="1" x14ac:dyDescent="0.25">
      <c r="A5" s="23" t="s">
        <v>59</v>
      </c>
    </row>
    <row r="6" spans="1:10" x14ac:dyDescent="0.25">
      <c r="B6" s="40"/>
      <c r="C6" s="61"/>
      <c r="D6" s="61"/>
    </row>
    <row r="7" spans="1:10" x14ac:dyDescent="0.25">
      <c r="A7" s="34" t="s">
        <v>94</v>
      </c>
      <c r="B7" s="40"/>
      <c r="C7" s="61"/>
      <c r="D7" s="61"/>
    </row>
    <row r="8" spans="1:10" x14ac:dyDescent="0.25">
      <c r="B8" s="40" t="s">
        <v>95</v>
      </c>
      <c r="C8" s="46" t="s">
        <v>96</v>
      </c>
      <c r="D8" s="40" t="s">
        <v>97</v>
      </c>
      <c r="E8" s="40" t="s">
        <v>98</v>
      </c>
      <c r="F8" s="40" t="s">
        <v>99</v>
      </c>
      <c r="G8" s="40" t="s">
        <v>100</v>
      </c>
    </row>
    <row r="9" spans="1:10" x14ac:dyDescent="0.25">
      <c r="A9" s="5" t="s">
        <v>64</v>
      </c>
      <c r="B9" s="50">
        <v>0</v>
      </c>
      <c r="C9" s="50">
        <v>0</v>
      </c>
      <c r="D9" s="50">
        <v>0</v>
      </c>
      <c r="E9" s="50">
        <v>0</v>
      </c>
      <c r="F9" s="50">
        <v>0</v>
      </c>
      <c r="G9" s="50">
        <v>0</v>
      </c>
      <c r="I9" s="36"/>
      <c r="J9" s="36"/>
    </row>
    <row r="10" spans="1:10" x14ac:dyDescent="0.25">
      <c r="A10" s="5" t="s">
        <v>65</v>
      </c>
      <c r="B10" s="50">
        <v>7.7455773040779885E-3</v>
      </c>
      <c r="C10" s="50">
        <v>-3.2876452187020178E-2</v>
      </c>
      <c r="D10" s="50">
        <v>-1.6079393469643155E-2</v>
      </c>
      <c r="E10" s="50">
        <v>1.0238622809481956E-2</v>
      </c>
      <c r="F10" s="50">
        <v>2.7937942205537913E-2</v>
      </c>
      <c r="G10" s="50">
        <v>-3.5795316874303373E-2</v>
      </c>
      <c r="I10" s="36"/>
      <c r="J10" s="36"/>
    </row>
    <row r="11" spans="1:10" x14ac:dyDescent="0.25">
      <c r="A11" s="5" t="s">
        <v>66</v>
      </c>
      <c r="B11" s="50">
        <v>-5.0171669343184622E-2</v>
      </c>
      <c r="C11" s="50">
        <v>-7.0959251174150695E-2</v>
      </c>
      <c r="D11" s="51">
        <v>-3.9189869601847671E-2</v>
      </c>
      <c r="E11" s="50">
        <v>-5.5391407548636917E-2</v>
      </c>
      <c r="F11" s="51">
        <v>4.7885221886794893E-2</v>
      </c>
      <c r="G11" s="51">
        <v>-9.5100974116028025E-2</v>
      </c>
      <c r="I11" s="36"/>
      <c r="J11" s="36"/>
    </row>
    <row r="12" spans="1:10" x14ac:dyDescent="0.25">
      <c r="A12" s="5" t="s">
        <v>67</v>
      </c>
      <c r="B12" s="50">
        <v>-2.7955167063268394E-2</v>
      </c>
      <c r="C12" s="50">
        <v>-9.8489762651957524E-2</v>
      </c>
      <c r="D12" s="51">
        <v>-5.7707019849264629E-2</v>
      </c>
      <c r="E12" s="50">
        <v>-8.3639925258995884E-2</v>
      </c>
      <c r="F12" s="51">
        <v>4.6459112501409994E-2</v>
      </c>
      <c r="G12" s="51">
        <v>-0.12843138479898897</v>
      </c>
      <c r="I12" s="36"/>
      <c r="J12" s="36"/>
    </row>
    <row r="13" spans="1:10" x14ac:dyDescent="0.25">
      <c r="A13" s="5" t="s">
        <v>68</v>
      </c>
      <c r="B13" s="50">
        <v>-3.0013221185984817E-2</v>
      </c>
      <c r="C13" s="50">
        <v>-9.9438760526728398E-2</v>
      </c>
      <c r="D13" s="51">
        <v>-6.7296249351320836E-2</v>
      </c>
      <c r="E13" s="50">
        <v>-0.11898945753400014</v>
      </c>
      <c r="F13" s="51">
        <v>6.8136078172754022E-2</v>
      </c>
      <c r="G13" s="51">
        <v>-0.17530199783540623</v>
      </c>
      <c r="I13" s="36"/>
      <c r="J13" s="36"/>
    </row>
    <row r="14" spans="1:10" x14ac:dyDescent="0.25">
      <c r="A14" s="5" t="s">
        <v>101</v>
      </c>
      <c r="B14" s="50">
        <v>-3.980287238511826E-2</v>
      </c>
      <c r="C14" s="51">
        <v>-8.8230067212825225E-2</v>
      </c>
      <c r="D14" s="51">
        <v>-7.7851850876168083E-2</v>
      </c>
      <c r="E14" s="50">
        <v>-0.15431571692995483</v>
      </c>
      <c r="F14" s="51">
        <v>-1.8417496968965441E-3</v>
      </c>
      <c r="G14" s="51">
        <v>-0.19917660462038644</v>
      </c>
      <c r="I14" s="36"/>
      <c r="J14" s="36"/>
    </row>
    <row r="15" spans="1:10" x14ac:dyDescent="0.25">
      <c r="A15" s="5" t="s">
        <v>70</v>
      </c>
      <c r="B15" s="50">
        <v>-0.19033299107377055</v>
      </c>
      <c r="C15" s="54">
        <v>-7.172940309768383E-2</v>
      </c>
      <c r="D15" s="51">
        <v>-9.6055170938082135E-2</v>
      </c>
      <c r="E15" s="50">
        <v>-0.16122808400933131</v>
      </c>
      <c r="F15" s="51">
        <v>-3.0722138583374581E-2</v>
      </c>
      <c r="G15" s="51">
        <v>-0.21970927272495411</v>
      </c>
      <c r="I15" s="36"/>
      <c r="J15" s="36"/>
    </row>
    <row r="16" spans="1:10" x14ac:dyDescent="0.25">
      <c r="A16" s="5" t="s">
        <v>71</v>
      </c>
      <c r="B16" s="50">
        <v>-8.3386564764908355E-2</v>
      </c>
      <c r="C16" s="50">
        <v>-0.11356276736765403</v>
      </c>
      <c r="D16" s="51">
        <v>-9.2638531706554339E-2</v>
      </c>
      <c r="E16" s="50">
        <v>-0.17817764163552108</v>
      </c>
      <c r="F16" s="51">
        <v>-6.6471758731139086E-2</v>
      </c>
      <c r="G16" s="51">
        <v>-0.25320644295095429</v>
      </c>
      <c r="I16" s="36"/>
      <c r="J16" s="36"/>
    </row>
    <row r="17" spans="1:7" x14ac:dyDescent="0.25">
      <c r="A17" s="5" t="s">
        <v>72</v>
      </c>
      <c r="B17" s="50">
        <v>-9.6243335589126677E-2</v>
      </c>
      <c r="C17" s="50">
        <v>-0.13057453428706245</v>
      </c>
      <c r="D17" s="51">
        <v>-9.7918806466057773E-2</v>
      </c>
      <c r="E17" s="50">
        <v>-0.18570129270269919</v>
      </c>
      <c r="F17" s="51">
        <v>-0.12488936369688441</v>
      </c>
      <c r="G17" s="51">
        <v>-0.27407999547426143</v>
      </c>
    </row>
    <row r="18" spans="1:7" x14ac:dyDescent="0.25">
      <c r="A18" s="5" t="s">
        <v>73</v>
      </c>
      <c r="B18" s="50">
        <v>-0.12453345137606286</v>
      </c>
      <c r="C18" s="50">
        <v>-0.16360765837014024</v>
      </c>
      <c r="D18" s="51">
        <v>-0.11900499410920062</v>
      </c>
      <c r="E18" s="50">
        <v>-0.20254969940468259</v>
      </c>
      <c r="F18" s="51">
        <v>-0.16623453457274207</v>
      </c>
      <c r="G18" s="51">
        <v>-0.30009930203894586</v>
      </c>
    </row>
    <row r="19" spans="1:7" x14ac:dyDescent="0.25">
      <c r="A19" s="5" t="s">
        <v>74</v>
      </c>
      <c r="B19" s="50">
        <v>-0.10703288673928435</v>
      </c>
      <c r="C19" s="50">
        <v>-0.18092015136539841</v>
      </c>
      <c r="D19" s="51">
        <v>-0.13507783997954725</v>
      </c>
      <c r="E19" s="50">
        <v>-0.2550334008543752</v>
      </c>
      <c r="F19" s="51">
        <v>-0.21427715357180199</v>
      </c>
      <c r="G19" s="51">
        <v>-0.34293020011840469</v>
      </c>
    </row>
    <row r="20" spans="1:7" x14ac:dyDescent="0.25">
      <c r="A20" s="5" t="s">
        <v>75</v>
      </c>
      <c r="B20" s="50">
        <v>-0.11098816872872552</v>
      </c>
      <c r="C20" s="50">
        <v>-0.20827484083924241</v>
      </c>
      <c r="D20" s="51">
        <v>-0.17865448015279917</v>
      </c>
      <c r="E20" s="50">
        <v>-0.24130254960613784</v>
      </c>
      <c r="F20" s="51">
        <v>-0.23792463475074421</v>
      </c>
      <c r="G20" s="51">
        <v>-0.399240719545504</v>
      </c>
    </row>
    <row r="21" spans="1:7" x14ac:dyDescent="0.25">
      <c r="A21" s="5" t="s">
        <v>76</v>
      </c>
      <c r="B21" s="50">
        <v>-0.1657741807341907</v>
      </c>
      <c r="C21" s="50">
        <v>-0.22781365682475307</v>
      </c>
      <c r="D21" s="51">
        <v>-0.21949454861419515</v>
      </c>
      <c r="E21" s="51">
        <v>-0.25986288941455793</v>
      </c>
      <c r="F21" s="51">
        <v>-0.29243517691372889</v>
      </c>
      <c r="G21" s="51">
        <v>-0.41325513141031422</v>
      </c>
    </row>
    <row r="22" spans="1:7" x14ac:dyDescent="0.25">
      <c r="A22" s="5" t="s">
        <v>77</v>
      </c>
      <c r="B22" s="50">
        <v>-0.17591902582991992</v>
      </c>
      <c r="C22" s="54">
        <v>-0.25698982034334872</v>
      </c>
      <c r="D22" s="51">
        <v>-0.21953831202609997</v>
      </c>
      <c r="E22" s="51">
        <v>-0.31468962586080473</v>
      </c>
      <c r="F22" s="51">
        <v>-0.33241163181981259</v>
      </c>
      <c r="G22" s="51">
        <v>-0.43285882307198675</v>
      </c>
    </row>
    <row r="23" spans="1:7" x14ac:dyDescent="0.25">
      <c r="A23" s="5" t="s">
        <v>78</v>
      </c>
      <c r="B23" s="50">
        <v>-0.17464063380148453</v>
      </c>
      <c r="C23" s="54">
        <v>-0.27978422318048768</v>
      </c>
      <c r="D23" s="51">
        <v>-0.18948521877656155</v>
      </c>
      <c r="E23" s="51">
        <v>-0.26782014845515201</v>
      </c>
      <c r="F23" s="51">
        <v>-0.37799782852666919</v>
      </c>
      <c r="G23" s="51">
        <v>-0.43827031182889953</v>
      </c>
    </row>
    <row r="24" spans="1:7" x14ac:dyDescent="0.25">
      <c r="A24" s="5" t="s">
        <v>79</v>
      </c>
      <c r="B24" s="50">
        <v>-0.17206485998065779</v>
      </c>
      <c r="C24" s="50">
        <v>-0.29769538584389632</v>
      </c>
      <c r="D24" s="51">
        <v>-0.17698399566615908</v>
      </c>
      <c r="E24" s="51">
        <v>-0.32351894927191005</v>
      </c>
      <c r="F24" s="51">
        <v>-0.2899027781434661</v>
      </c>
      <c r="G24" s="51">
        <v>-0.45277850154334187</v>
      </c>
    </row>
    <row r="25" spans="1:7" x14ac:dyDescent="0.25">
      <c r="A25" s="5" t="s">
        <v>80</v>
      </c>
      <c r="B25" s="50">
        <v>-0.1880161272510249</v>
      </c>
      <c r="C25" s="50">
        <v>-0.32809581090443229</v>
      </c>
      <c r="D25" s="51">
        <v>-0.18149244586160396</v>
      </c>
      <c r="E25" s="51">
        <v>-0.3372319155247242</v>
      </c>
      <c r="F25" s="51">
        <v>-0.25700088689819767</v>
      </c>
      <c r="G25" s="51">
        <v>-0.46159936975831106</v>
      </c>
    </row>
    <row r="26" spans="1:7" x14ac:dyDescent="0.25">
      <c r="A26" s="5" t="s">
        <v>81</v>
      </c>
      <c r="B26" s="50">
        <v>-0.13748292962044628</v>
      </c>
      <c r="C26" s="50">
        <v>-0.35631661617955435</v>
      </c>
      <c r="D26" s="51">
        <v>-0.1979537712195335</v>
      </c>
      <c r="E26" s="51">
        <v>-0.35291827535401021</v>
      </c>
      <c r="F26" s="51">
        <v>-0.25796481051655995</v>
      </c>
      <c r="G26" s="51">
        <v>-0.45660819786218598</v>
      </c>
    </row>
    <row r="27" spans="1:7" x14ac:dyDescent="0.25">
      <c r="A27" s="5" t="s">
        <v>82</v>
      </c>
      <c r="B27" s="51">
        <v>-0.11282405141410079</v>
      </c>
      <c r="C27" s="50">
        <v>-0.34905250750459782</v>
      </c>
      <c r="D27" s="51">
        <v>-0.21730764416712545</v>
      </c>
      <c r="E27" s="51">
        <v>-0.38696116697191962</v>
      </c>
      <c r="F27" s="51">
        <v>-0.24444662232408398</v>
      </c>
      <c r="G27" s="51">
        <v>-0.46603474982777238</v>
      </c>
    </row>
    <row r="28" spans="1:7" x14ac:dyDescent="0.25">
      <c r="A28" s="5" t="s">
        <v>83</v>
      </c>
      <c r="B28" s="51">
        <v>-9.3969855853037632E-2</v>
      </c>
      <c r="C28" s="51">
        <v>-0.36954251252498926</v>
      </c>
      <c r="D28" s="51">
        <v>-0.20844372163595037</v>
      </c>
      <c r="E28" s="51">
        <v>-0.39298700963749578</v>
      </c>
      <c r="F28" s="51">
        <v>-0.26486645034079026</v>
      </c>
      <c r="G28" s="51">
        <v>-0.48837353969106467</v>
      </c>
    </row>
    <row r="29" spans="1:7" x14ac:dyDescent="0.25">
      <c r="A29" s="5" t="s">
        <v>84</v>
      </c>
      <c r="B29" s="51">
        <v>-0.17702372815154777</v>
      </c>
      <c r="C29" s="51">
        <v>-0.36527058297205595</v>
      </c>
      <c r="D29" s="51">
        <v>-0.21417674205525128</v>
      </c>
      <c r="E29" s="51">
        <v>-0.39416773506814939</v>
      </c>
      <c r="F29" s="51">
        <v>-0.24323154278361381</v>
      </c>
      <c r="G29" s="51">
        <v>-0.49640795483541678</v>
      </c>
    </row>
    <row r="30" spans="1:7" x14ac:dyDescent="0.25">
      <c r="A30" s="5" t="s">
        <v>85</v>
      </c>
      <c r="B30" s="51">
        <v>-0.21765445857125609</v>
      </c>
      <c r="C30" s="51">
        <v>-0.35552203320153442</v>
      </c>
      <c r="D30" s="51">
        <v>-0.21603192059787957</v>
      </c>
      <c r="E30" s="51">
        <v>-0.43074667410212919</v>
      </c>
      <c r="F30" s="51">
        <v>-0.28856356174502729</v>
      </c>
      <c r="G30" s="51">
        <v>-0.50029148763840658</v>
      </c>
    </row>
    <row r="31" spans="1:7" x14ac:dyDescent="0.25">
      <c r="A31" s="5" t="s">
        <v>86</v>
      </c>
      <c r="B31" s="51">
        <v>-0.23509206901820479</v>
      </c>
      <c r="C31" s="51">
        <v>-0.34767124262215521</v>
      </c>
      <c r="D31" s="51">
        <v>-0.23635883819019909</v>
      </c>
      <c r="E31" s="51">
        <v>-0.39787346942114954</v>
      </c>
      <c r="F31" s="51">
        <v>-0.29854033318281969</v>
      </c>
      <c r="G31" s="51">
        <v>-0.50107846570769743</v>
      </c>
    </row>
    <row r="32" spans="1:7" x14ac:dyDescent="0.25">
      <c r="A32" s="5" t="s">
        <v>87</v>
      </c>
      <c r="B32" s="51">
        <v>-0.22591958994586381</v>
      </c>
      <c r="C32" s="51">
        <v>-0.35841789734518681</v>
      </c>
      <c r="D32" s="51">
        <v>-0.23350373338605623</v>
      </c>
      <c r="E32" s="51">
        <v>-0.40521142328211723</v>
      </c>
      <c r="F32" s="51">
        <v>-0.31208534226234086</v>
      </c>
      <c r="G32" s="51">
        <v>-0.52146512949306112</v>
      </c>
    </row>
    <row r="33" spans="1:7" x14ac:dyDescent="0.25">
      <c r="A33" s="5" t="s">
        <v>88</v>
      </c>
      <c r="B33" s="51">
        <v>-0.25865001995009551</v>
      </c>
      <c r="C33" s="51">
        <v>-0.36891654694207099</v>
      </c>
      <c r="D33" s="51">
        <v>-0.27070607729035012</v>
      </c>
      <c r="E33" s="51">
        <v>-0.43386659416732365</v>
      </c>
      <c r="F33" s="51">
        <v>-0.30913421232110483</v>
      </c>
      <c r="G33" s="51">
        <v>-0.53601475088339834</v>
      </c>
    </row>
    <row r="34" spans="1:7" x14ac:dyDescent="0.25">
      <c r="A34" s="5" t="s">
        <v>89</v>
      </c>
      <c r="B34" s="51">
        <v>-0.27225648197275865</v>
      </c>
      <c r="C34" s="51">
        <v>-0.41573966566949305</v>
      </c>
      <c r="D34" s="51">
        <v>-0.25549189323491028</v>
      </c>
      <c r="E34" s="51">
        <v>-0.41773038854509137</v>
      </c>
      <c r="F34" s="51">
        <v>-0.30110419420161216</v>
      </c>
      <c r="G34" s="51">
        <v>-0.52158055994489361</v>
      </c>
    </row>
  </sheetData>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A7B7A69-B8C1-4DA3-A019-8BB7A616F187}">
  <dimension ref="A1:N150"/>
  <sheetViews>
    <sheetView workbookViewId="0">
      <selection activeCell="D84" sqref="D84"/>
    </sheetView>
  </sheetViews>
  <sheetFormatPr defaultColWidth="8.6640625" defaultRowHeight="13.2" x14ac:dyDescent="0.25"/>
  <cols>
    <col min="1" max="1" width="16.6640625" style="5" customWidth="1"/>
    <col min="2" max="2" width="8.33203125" style="5" customWidth="1"/>
    <col min="3" max="3" width="12.6640625" style="5" bestFit="1" customWidth="1"/>
    <col min="4" max="4" width="19.33203125" style="5" bestFit="1" customWidth="1"/>
    <col min="5" max="5" width="15.5546875" style="5" bestFit="1" customWidth="1"/>
    <col min="6" max="7" width="5.5546875" style="5" bestFit="1" customWidth="1"/>
    <col min="8" max="16384" width="8.6640625" style="5"/>
  </cols>
  <sheetData>
    <row r="1" spans="1:14" s="19" customFormat="1" ht="13.8" x14ac:dyDescent="0.25">
      <c r="A1" s="18" t="s">
        <v>11</v>
      </c>
      <c r="B1" s="20"/>
      <c r="C1" s="20"/>
    </row>
    <row r="2" spans="1:14" customFormat="1" x14ac:dyDescent="0.25">
      <c r="A2" s="21" t="s">
        <v>2</v>
      </c>
      <c r="B2" t="s">
        <v>12</v>
      </c>
    </row>
    <row r="3" spans="1:14" customFormat="1" x14ac:dyDescent="0.25">
      <c r="A3" s="21" t="s">
        <v>102</v>
      </c>
    </row>
    <row r="4" spans="1:14" customFormat="1" x14ac:dyDescent="0.25">
      <c r="A4" s="21" t="s">
        <v>103</v>
      </c>
      <c r="B4" s="1" t="s">
        <v>104</v>
      </c>
    </row>
    <row r="5" spans="1:14" customFormat="1" x14ac:dyDescent="0.25">
      <c r="A5" s="21" t="s">
        <v>3</v>
      </c>
      <c r="B5" t="s">
        <v>105</v>
      </c>
    </row>
    <row r="6" spans="1:14" customFormat="1" x14ac:dyDescent="0.25"/>
    <row r="7" spans="1:14" s="22" customFormat="1" x14ac:dyDescent="0.25">
      <c r="A7" s="23" t="s">
        <v>59</v>
      </c>
    </row>
    <row r="8" spans="1:14" x14ac:dyDescent="0.25">
      <c r="B8" s="40"/>
      <c r="C8" s="61"/>
      <c r="D8" s="61"/>
    </row>
    <row r="9" spans="1:14" x14ac:dyDescent="0.25">
      <c r="A9" s="34" t="s">
        <v>106</v>
      </c>
      <c r="B9" s="40"/>
      <c r="C9" s="46"/>
      <c r="D9" s="40"/>
      <c r="E9" s="40"/>
      <c r="F9" s="40"/>
      <c r="G9" s="40"/>
    </row>
    <row r="10" spans="1:14" x14ac:dyDescent="0.25">
      <c r="A10" s="34"/>
      <c r="B10" s="40" t="s">
        <v>107</v>
      </c>
      <c r="C10" s="46" t="s">
        <v>108</v>
      </c>
      <c r="D10" s="40" t="s">
        <v>109</v>
      </c>
      <c r="E10" s="40" t="s">
        <v>110</v>
      </c>
      <c r="F10" s="40"/>
      <c r="G10" s="40"/>
    </row>
    <row r="11" spans="1:14" x14ac:dyDescent="0.25">
      <c r="A11" s="5">
        <v>1955</v>
      </c>
      <c r="B11" s="47">
        <v>78.289000000000001</v>
      </c>
      <c r="C11" s="47">
        <v>2.3620000000000001</v>
      </c>
      <c r="D11" s="47">
        <v>240</v>
      </c>
      <c r="E11" s="47">
        <v>191.71779999999998</v>
      </c>
      <c r="F11" s="40"/>
      <c r="G11" s="40"/>
      <c r="I11" s="6"/>
      <c r="J11" s="36"/>
      <c r="K11" s="36"/>
      <c r="L11" s="36"/>
      <c r="M11" s="36"/>
      <c r="N11" s="36"/>
    </row>
    <row r="12" spans="1:14" x14ac:dyDescent="0.25">
      <c r="A12" s="5">
        <v>1956</v>
      </c>
      <c r="B12" s="47">
        <v>70.117000000000004</v>
      </c>
      <c r="C12" s="47">
        <v>3.16</v>
      </c>
      <c r="D12" s="47">
        <v>240</v>
      </c>
      <c r="E12" s="47">
        <v>191.71779999999998</v>
      </c>
      <c r="F12" s="40"/>
      <c r="G12" s="40"/>
      <c r="I12" s="6"/>
      <c r="J12" s="36"/>
      <c r="K12" s="36"/>
      <c r="L12" s="36"/>
    </row>
    <row r="13" spans="1:14" x14ac:dyDescent="0.25">
      <c r="A13" s="5">
        <v>1957</v>
      </c>
      <c r="B13" s="47">
        <v>67.471000000000004</v>
      </c>
      <c r="C13" s="48">
        <v>3.06</v>
      </c>
      <c r="D13" s="49">
        <v>240</v>
      </c>
      <c r="E13" s="48">
        <v>191.71779999999998</v>
      </c>
      <c r="F13" s="51"/>
      <c r="G13" s="51"/>
      <c r="I13" s="6"/>
      <c r="J13" s="36"/>
      <c r="K13" s="36"/>
      <c r="L13" s="36"/>
    </row>
    <row r="14" spans="1:14" x14ac:dyDescent="0.25">
      <c r="A14" s="5">
        <v>1958</v>
      </c>
      <c r="B14" s="47">
        <v>75.442999999999998</v>
      </c>
      <c r="C14" s="48">
        <v>4.484</v>
      </c>
      <c r="D14" s="49">
        <v>240</v>
      </c>
      <c r="E14" s="48">
        <v>191.71779999999998</v>
      </c>
      <c r="F14" s="51"/>
      <c r="G14" s="51"/>
      <c r="I14" s="6"/>
      <c r="J14" s="36"/>
      <c r="K14" s="36"/>
      <c r="L14" s="36"/>
    </row>
    <row r="15" spans="1:14" x14ac:dyDescent="0.25">
      <c r="A15" s="5">
        <v>1959</v>
      </c>
      <c r="B15" s="47">
        <v>80.11</v>
      </c>
      <c r="C15" s="48">
        <v>6.4379999999999997</v>
      </c>
      <c r="D15" s="49">
        <v>240</v>
      </c>
      <c r="E15" s="48">
        <v>191.71779999999998</v>
      </c>
      <c r="F15" s="51"/>
      <c r="G15" s="51"/>
      <c r="I15" s="6"/>
      <c r="J15" s="36"/>
      <c r="K15" s="36"/>
      <c r="L15" s="36"/>
    </row>
    <row r="16" spans="1:14" x14ac:dyDescent="0.25">
      <c r="A16" s="5">
        <v>1960</v>
      </c>
      <c r="B16" s="47">
        <v>83.504000000000005</v>
      </c>
      <c r="C16" s="49">
        <v>11.29</v>
      </c>
      <c r="D16" s="49">
        <v>240</v>
      </c>
      <c r="E16" s="48">
        <v>191.71779999999998</v>
      </c>
      <c r="F16" s="51"/>
      <c r="G16" s="51"/>
      <c r="I16" s="6"/>
      <c r="J16" s="36"/>
      <c r="K16" s="36"/>
      <c r="L16" s="36"/>
    </row>
    <row r="17" spans="1:12" x14ac:dyDescent="0.25">
      <c r="A17" s="5">
        <v>1961</v>
      </c>
      <c r="B17" s="47">
        <v>75.111999999999995</v>
      </c>
      <c r="C17" s="52">
        <v>13.361000000000001</v>
      </c>
      <c r="D17" s="49">
        <v>240</v>
      </c>
      <c r="E17" s="48">
        <v>191.71779999999998</v>
      </c>
      <c r="F17" s="51"/>
      <c r="G17" s="51"/>
      <c r="I17" s="6"/>
      <c r="J17" s="36"/>
      <c r="K17" s="36"/>
      <c r="L17" s="36"/>
    </row>
    <row r="18" spans="1:12" x14ac:dyDescent="0.25">
      <c r="A18" s="5">
        <v>1962</v>
      </c>
      <c r="B18" s="47">
        <v>75.424000000000007</v>
      </c>
      <c r="C18" s="48">
        <v>11.352</v>
      </c>
      <c r="D18" s="49">
        <v>240</v>
      </c>
      <c r="E18" s="48">
        <v>191.71779999999998</v>
      </c>
      <c r="F18" s="51"/>
      <c r="G18" s="51"/>
      <c r="I18" s="6"/>
      <c r="J18" s="36"/>
      <c r="K18" s="36"/>
      <c r="L18" s="36"/>
    </row>
    <row r="19" spans="1:12" x14ac:dyDescent="0.25">
      <c r="A19" s="5">
        <v>1963</v>
      </c>
      <c r="B19" s="47">
        <v>77.781999999999996</v>
      </c>
      <c r="C19" s="48">
        <v>13.47</v>
      </c>
      <c r="D19" s="49">
        <v>240</v>
      </c>
      <c r="E19" s="48">
        <v>191.71779999999998</v>
      </c>
      <c r="F19" s="51"/>
      <c r="G19" s="51"/>
      <c r="I19" s="6"/>
      <c r="J19" s="36"/>
      <c r="K19" s="36"/>
      <c r="L19" s="36"/>
    </row>
    <row r="20" spans="1:12" x14ac:dyDescent="0.25">
      <c r="A20" s="5">
        <v>1964</v>
      </c>
      <c r="B20" s="47">
        <v>83.763999999999996</v>
      </c>
      <c r="C20" s="48">
        <v>21.456</v>
      </c>
      <c r="D20" s="49">
        <v>240</v>
      </c>
      <c r="E20" s="48">
        <v>191.71779999999998</v>
      </c>
      <c r="F20" s="51"/>
      <c r="G20" s="51"/>
      <c r="I20" s="6"/>
      <c r="J20" s="36"/>
      <c r="K20" s="36"/>
      <c r="L20" s="36"/>
    </row>
    <row r="21" spans="1:12" x14ac:dyDescent="0.25">
      <c r="A21" s="5">
        <v>1965</v>
      </c>
      <c r="B21" s="47">
        <v>83.137</v>
      </c>
      <c r="C21" s="48">
        <v>32.033000000000001</v>
      </c>
      <c r="D21" s="49">
        <v>240</v>
      </c>
      <c r="E21" s="48">
        <v>191.71779999999998</v>
      </c>
      <c r="F21" s="51"/>
      <c r="G21" s="51"/>
      <c r="I21" s="6"/>
      <c r="J21" s="36"/>
      <c r="K21" s="36"/>
      <c r="L21" s="36"/>
    </row>
    <row r="22" spans="1:12" x14ac:dyDescent="0.25">
      <c r="A22" s="5">
        <v>1966</v>
      </c>
      <c r="B22" s="47">
        <v>81.375</v>
      </c>
      <c r="C22" s="48">
        <v>30.587</v>
      </c>
      <c r="D22" s="49">
        <v>240</v>
      </c>
      <c r="E22" s="48">
        <v>191.71779999999998</v>
      </c>
      <c r="F22" s="51"/>
      <c r="G22" s="51"/>
      <c r="I22" s="6"/>
      <c r="J22" s="36"/>
      <c r="K22" s="36"/>
      <c r="L22" s="36"/>
    </row>
    <row r="23" spans="1:12" x14ac:dyDescent="0.25">
      <c r="A23" s="5">
        <v>1967</v>
      </c>
      <c r="B23" s="47">
        <v>83.519000000000005</v>
      </c>
      <c r="C23" s="48">
        <v>32.496000000000002</v>
      </c>
      <c r="D23" s="49">
        <v>240</v>
      </c>
      <c r="E23" s="49">
        <v>191.71779999999998</v>
      </c>
      <c r="F23" s="51"/>
      <c r="G23" s="51"/>
      <c r="I23" s="6"/>
      <c r="J23" s="36"/>
      <c r="K23" s="36"/>
      <c r="L23" s="36"/>
    </row>
    <row r="24" spans="1:12" x14ac:dyDescent="0.25">
      <c r="A24" s="5">
        <v>1968</v>
      </c>
      <c r="B24" s="47">
        <v>88.075999999999993</v>
      </c>
      <c r="C24" s="52">
        <v>36.488999999999997</v>
      </c>
      <c r="D24" s="49">
        <v>240</v>
      </c>
      <c r="E24" s="49">
        <v>191.71779999999998</v>
      </c>
      <c r="F24" s="51"/>
      <c r="G24" s="51"/>
      <c r="I24" s="6"/>
      <c r="J24" s="36"/>
      <c r="K24" s="36"/>
      <c r="L24" s="36"/>
    </row>
    <row r="25" spans="1:12" x14ac:dyDescent="0.25">
      <c r="A25" s="5">
        <v>1969</v>
      </c>
      <c r="B25" s="47">
        <v>96.113</v>
      </c>
      <c r="C25" s="53">
        <v>41.442</v>
      </c>
      <c r="D25" s="6">
        <v>240</v>
      </c>
      <c r="E25" s="6">
        <v>191.71779999999998</v>
      </c>
      <c r="I25" s="6"/>
      <c r="J25" s="36"/>
      <c r="K25" s="36"/>
      <c r="L25" s="36"/>
    </row>
    <row r="26" spans="1:12" x14ac:dyDescent="0.25">
      <c r="A26" s="5">
        <v>1970</v>
      </c>
      <c r="B26" s="47">
        <v>96.998000000000005</v>
      </c>
      <c r="C26" s="47">
        <v>46.619</v>
      </c>
      <c r="D26" s="6">
        <v>240</v>
      </c>
      <c r="E26" s="6">
        <v>191.71779999999998</v>
      </c>
      <c r="I26" s="6"/>
      <c r="J26" s="36"/>
      <c r="K26" s="36"/>
      <c r="L26" s="36"/>
    </row>
    <row r="27" spans="1:12" x14ac:dyDescent="0.25">
      <c r="A27" s="5">
        <v>1971</v>
      </c>
      <c r="B27" s="47">
        <v>100.262</v>
      </c>
      <c r="C27" s="47">
        <v>42.177</v>
      </c>
      <c r="D27" s="6">
        <v>240</v>
      </c>
      <c r="E27" s="6">
        <v>191.71779999999998</v>
      </c>
      <c r="I27" s="6"/>
      <c r="J27" s="36"/>
      <c r="K27" s="36"/>
      <c r="L27" s="36"/>
    </row>
    <row r="28" spans="1:12" x14ac:dyDescent="0.25">
      <c r="A28" s="5">
        <v>1972</v>
      </c>
      <c r="B28" s="47">
        <v>105.864</v>
      </c>
      <c r="C28" s="47">
        <v>40.869999999999997</v>
      </c>
      <c r="D28" s="6">
        <v>240</v>
      </c>
      <c r="E28" s="6">
        <v>191.71779999999998</v>
      </c>
      <c r="I28" s="6"/>
      <c r="J28" s="36"/>
      <c r="K28" s="36"/>
      <c r="L28" s="36"/>
    </row>
    <row r="29" spans="1:12" x14ac:dyDescent="0.25">
      <c r="A29" s="5">
        <v>1973</v>
      </c>
      <c r="B29" s="6">
        <v>108.142</v>
      </c>
      <c r="C29" s="47">
        <v>43.268999999999998</v>
      </c>
      <c r="D29" s="6">
        <v>240</v>
      </c>
      <c r="E29" s="6">
        <v>191.71779999999998</v>
      </c>
      <c r="I29" s="6"/>
      <c r="J29" s="36"/>
      <c r="K29" s="36"/>
      <c r="L29" s="36"/>
    </row>
    <row r="30" spans="1:12" x14ac:dyDescent="0.25">
      <c r="A30" s="5">
        <v>1974</v>
      </c>
      <c r="B30" s="6">
        <v>100.90300000000001</v>
      </c>
      <c r="C30" s="6">
        <v>46.548000000000002</v>
      </c>
      <c r="D30" s="6">
        <v>240</v>
      </c>
      <c r="E30" s="6">
        <v>191.71779999999998</v>
      </c>
      <c r="I30" s="6"/>
      <c r="J30" s="36"/>
      <c r="K30" s="36"/>
      <c r="L30" s="36"/>
    </row>
    <row r="31" spans="1:12" x14ac:dyDescent="0.25">
      <c r="A31" s="5">
        <v>1975</v>
      </c>
      <c r="B31" s="6">
        <v>95.024000000000001</v>
      </c>
      <c r="C31" s="6">
        <v>35.488999999999997</v>
      </c>
      <c r="D31" s="6">
        <v>240</v>
      </c>
      <c r="E31" s="6">
        <v>191.71779999999998</v>
      </c>
      <c r="I31" s="6"/>
      <c r="J31" s="36"/>
      <c r="K31" s="36"/>
      <c r="L31" s="36"/>
    </row>
    <row r="32" spans="1:12" x14ac:dyDescent="0.25">
      <c r="A32" s="5">
        <v>1976</v>
      </c>
      <c r="B32" s="6">
        <v>108.651</v>
      </c>
      <c r="C32" s="6">
        <v>33.762</v>
      </c>
      <c r="D32" s="6">
        <v>240</v>
      </c>
      <c r="E32" s="6">
        <v>191.71779999999998</v>
      </c>
      <c r="I32" s="6"/>
      <c r="J32" s="36"/>
      <c r="K32" s="36"/>
      <c r="L32" s="36"/>
    </row>
    <row r="33" spans="1:12" x14ac:dyDescent="0.25">
      <c r="A33" s="5">
        <v>1977</v>
      </c>
      <c r="B33" s="6">
        <v>105.443</v>
      </c>
      <c r="C33" s="6">
        <v>32.576000000000001</v>
      </c>
      <c r="D33" s="6">
        <v>240</v>
      </c>
      <c r="E33" s="6">
        <v>191.71779999999998</v>
      </c>
      <c r="I33" s="6"/>
      <c r="J33" s="36"/>
      <c r="K33" s="36"/>
      <c r="L33" s="36"/>
    </row>
    <row r="34" spans="1:12" x14ac:dyDescent="0.25">
      <c r="A34" s="5">
        <v>1978</v>
      </c>
      <c r="B34" s="6">
        <v>93.998000000000005</v>
      </c>
      <c r="C34" s="6">
        <v>26.24</v>
      </c>
      <c r="D34" s="6">
        <v>240</v>
      </c>
      <c r="E34" s="6">
        <v>191.71779999999998</v>
      </c>
      <c r="I34" s="6"/>
      <c r="J34" s="36"/>
      <c r="K34" s="36"/>
      <c r="L34" s="36"/>
    </row>
    <row r="35" spans="1:12" x14ac:dyDescent="0.25">
      <c r="A35" s="5">
        <v>1979</v>
      </c>
      <c r="B35" s="6">
        <v>97.637</v>
      </c>
      <c r="C35" s="6">
        <v>25.108000000000001</v>
      </c>
      <c r="D35" s="6">
        <v>240</v>
      </c>
      <c r="E35" s="6">
        <v>191.71779999999998</v>
      </c>
      <c r="I35" s="6"/>
      <c r="J35" s="36"/>
      <c r="K35" s="36"/>
      <c r="L35" s="36"/>
    </row>
    <row r="36" spans="1:12" x14ac:dyDescent="0.25">
      <c r="A36" s="5">
        <v>1980</v>
      </c>
      <c r="B36" s="6">
        <v>101.655</v>
      </c>
      <c r="C36" s="6">
        <v>32.383000000000003</v>
      </c>
      <c r="D36" s="6">
        <v>240</v>
      </c>
      <c r="E36" s="6">
        <v>191.71779999999998</v>
      </c>
      <c r="I36" s="6"/>
      <c r="J36" s="36"/>
      <c r="K36" s="36"/>
      <c r="L36" s="36"/>
    </row>
    <row r="37" spans="1:12" x14ac:dyDescent="0.25">
      <c r="A37" s="5">
        <v>1981</v>
      </c>
      <c r="B37" s="6">
        <v>101.36</v>
      </c>
      <c r="C37" s="6">
        <v>38.619999999999997</v>
      </c>
      <c r="D37" s="6">
        <v>240</v>
      </c>
      <c r="E37" s="6">
        <v>191.71779999999998</v>
      </c>
      <c r="I37" s="6"/>
      <c r="J37" s="36"/>
      <c r="K37" s="36"/>
      <c r="L37" s="36"/>
    </row>
    <row r="38" spans="1:12" x14ac:dyDescent="0.25">
      <c r="A38" s="5">
        <v>1982</v>
      </c>
      <c r="B38" s="6">
        <v>87.82</v>
      </c>
      <c r="C38" s="6">
        <v>42.616</v>
      </c>
      <c r="D38" s="6">
        <v>240</v>
      </c>
      <c r="E38" s="6">
        <v>191.71779999999998</v>
      </c>
      <c r="I38" s="6"/>
      <c r="J38" s="36"/>
      <c r="K38" s="36"/>
      <c r="L38" s="36"/>
    </row>
    <row r="39" spans="1:12" x14ac:dyDescent="0.25">
      <c r="A39" s="5">
        <v>1983</v>
      </c>
      <c r="B39" s="6">
        <v>84.27</v>
      </c>
      <c r="C39" s="6">
        <v>26.216000000000001</v>
      </c>
      <c r="D39" s="6">
        <v>240</v>
      </c>
      <c r="E39" s="6">
        <v>191.71779999999998</v>
      </c>
      <c r="I39" s="6"/>
      <c r="J39" s="36"/>
      <c r="K39" s="36"/>
      <c r="L39" s="36"/>
    </row>
    <row r="40" spans="1:12" x14ac:dyDescent="0.25">
      <c r="A40" s="5">
        <v>1984</v>
      </c>
      <c r="B40" s="6">
        <v>107.794</v>
      </c>
      <c r="C40" s="6">
        <v>28.599</v>
      </c>
      <c r="D40" s="6">
        <v>240</v>
      </c>
      <c r="E40" s="6">
        <v>191.71779999999998</v>
      </c>
      <c r="I40" s="6"/>
      <c r="J40" s="36"/>
      <c r="K40" s="36"/>
      <c r="L40" s="36"/>
    </row>
    <row r="41" spans="1:12" x14ac:dyDescent="0.25">
      <c r="A41" s="5">
        <v>1985</v>
      </c>
      <c r="B41" s="6">
        <v>112.88200000000001</v>
      </c>
      <c r="C41" s="6">
        <v>32.131999999999998</v>
      </c>
      <c r="D41" s="6">
        <v>240</v>
      </c>
      <c r="E41" s="6">
        <v>191.71779999999998</v>
      </c>
      <c r="I41" s="6"/>
      <c r="J41" s="36"/>
      <c r="K41" s="36"/>
      <c r="L41" s="36"/>
    </row>
    <row r="42" spans="1:12" x14ac:dyDescent="0.25">
      <c r="A42" s="5">
        <v>1986</v>
      </c>
      <c r="B42" s="6">
        <v>97.338999999999999</v>
      </c>
      <c r="C42" s="6">
        <v>29.917000000000002</v>
      </c>
      <c r="D42" s="6">
        <v>240</v>
      </c>
      <c r="E42" s="6">
        <v>191.71779999999998</v>
      </c>
      <c r="I42" s="6"/>
      <c r="J42" s="36"/>
      <c r="K42" s="36"/>
      <c r="L42" s="36"/>
    </row>
    <row r="43" spans="1:12" x14ac:dyDescent="0.25">
      <c r="A43" s="5">
        <v>1987</v>
      </c>
      <c r="B43" s="6">
        <v>89.012</v>
      </c>
      <c r="C43" s="6">
        <v>26.199000000000002</v>
      </c>
      <c r="D43" s="6">
        <v>240</v>
      </c>
      <c r="E43" s="6">
        <v>191.71779999999998</v>
      </c>
      <c r="I43" s="6"/>
      <c r="J43" s="36"/>
      <c r="K43" s="36"/>
      <c r="L43" s="36"/>
    </row>
    <row r="44" spans="1:12" x14ac:dyDescent="0.25">
      <c r="A44" s="5">
        <v>1988</v>
      </c>
      <c r="B44" s="6">
        <v>105.56100000000001</v>
      </c>
      <c r="C44" s="6">
        <v>29.908000000000001</v>
      </c>
      <c r="D44" s="6">
        <v>240</v>
      </c>
      <c r="E44" s="6">
        <v>191.71779999999998</v>
      </c>
      <c r="I44" s="6"/>
      <c r="J44" s="36"/>
      <c r="K44" s="36"/>
      <c r="L44" s="36"/>
    </row>
    <row r="45" spans="1:12" x14ac:dyDescent="0.25">
      <c r="A45" s="5">
        <v>1989</v>
      </c>
      <c r="B45" s="6">
        <v>121.535</v>
      </c>
      <c r="C45" s="6">
        <v>39.003</v>
      </c>
      <c r="D45" s="6">
        <v>240</v>
      </c>
      <c r="E45" s="6">
        <v>191.71779999999998</v>
      </c>
      <c r="I45" s="6"/>
      <c r="J45" s="36"/>
      <c r="K45" s="36"/>
      <c r="L45" s="36"/>
    </row>
    <row r="46" spans="1:12" x14ac:dyDescent="0.25">
      <c r="A46" s="5">
        <v>1990</v>
      </c>
      <c r="B46" s="6">
        <v>105.19499999999999</v>
      </c>
      <c r="C46" s="6">
        <v>40.097999999999999</v>
      </c>
      <c r="D46" s="6">
        <v>240</v>
      </c>
      <c r="E46" s="6">
        <v>191.71779999999998</v>
      </c>
      <c r="I46" s="6"/>
      <c r="J46" s="36"/>
      <c r="K46" s="36"/>
      <c r="L46" s="36"/>
    </row>
    <row r="47" spans="1:12" x14ac:dyDescent="0.25">
      <c r="A47" s="5">
        <v>1991</v>
      </c>
      <c r="B47" s="6">
        <v>95.936999999999998</v>
      </c>
      <c r="C47" s="6">
        <v>33.801000000000002</v>
      </c>
      <c r="D47" s="6">
        <v>240</v>
      </c>
      <c r="E47" s="6">
        <v>191.71779999999998</v>
      </c>
      <c r="I47" s="6"/>
      <c r="J47" s="36"/>
      <c r="K47" s="36"/>
      <c r="L47" s="36"/>
    </row>
    <row r="48" spans="1:12" x14ac:dyDescent="0.25">
      <c r="A48" s="5">
        <v>1992</v>
      </c>
      <c r="B48" s="6">
        <v>108.02500000000001</v>
      </c>
      <c r="C48" s="6">
        <v>37.354999999999997</v>
      </c>
      <c r="D48" s="6">
        <v>240</v>
      </c>
      <c r="E48" s="6">
        <v>191.71779999999998</v>
      </c>
      <c r="I48" s="6"/>
      <c r="J48" s="36"/>
      <c r="K48" s="36"/>
      <c r="L48" s="36"/>
    </row>
    <row r="49" spans="1:12" x14ac:dyDescent="0.25">
      <c r="A49" s="5">
        <v>1993</v>
      </c>
      <c r="B49" s="6">
        <v>121.101</v>
      </c>
      <c r="C49" s="6">
        <v>45.343000000000004</v>
      </c>
      <c r="D49" s="6">
        <v>240</v>
      </c>
      <c r="E49" s="6">
        <v>191.71779999999998</v>
      </c>
      <c r="I49" s="6"/>
      <c r="J49" s="36"/>
      <c r="K49" s="36"/>
      <c r="L49" s="36"/>
    </row>
    <row r="50" spans="1:12" x14ac:dyDescent="0.25">
      <c r="A50" s="5">
        <v>1994</v>
      </c>
      <c r="B50" s="6">
        <v>124.464</v>
      </c>
      <c r="C50" s="6">
        <v>46.017000000000003</v>
      </c>
      <c r="D50" s="6">
        <v>240</v>
      </c>
      <c r="E50" s="6">
        <v>191.71779999999998</v>
      </c>
      <c r="I50" s="6"/>
      <c r="J50" s="36"/>
      <c r="K50" s="36"/>
      <c r="L50" s="36"/>
    </row>
    <row r="51" spans="1:12" x14ac:dyDescent="0.25">
      <c r="A51" s="5">
        <v>1995</v>
      </c>
      <c r="B51" s="6">
        <v>107.84099999999999</v>
      </c>
      <c r="C51" s="6">
        <v>46.033999999999999</v>
      </c>
      <c r="D51" s="6">
        <v>240</v>
      </c>
      <c r="E51" s="6">
        <v>191.71779999999998</v>
      </c>
      <c r="I51" s="6"/>
      <c r="J51" s="36"/>
      <c r="K51" s="36"/>
      <c r="L51" s="36"/>
    </row>
    <row r="52" spans="1:12" x14ac:dyDescent="0.25">
      <c r="A52" s="5">
        <v>1996</v>
      </c>
      <c r="B52" s="6">
        <v>84.881</v>
      </c>
      <c r="C52" s="6">
        <v>35.945</v>
      </c>
      <c r="D52" s="6">
        <v>240</v>
      </c>
      <c r="E52" s="6">
        <v>191.71779999999998</v>
      </c>
      <c r="I52" s="6"/>
      <c r="J52" s="36"/>
      <c r="K52" s="36"/>
      <c r="L52" s="36"/>
    </row>
    <row r="53" spans="1:12" x14ac:dyDescent="0.25">
      <c r="A53" s="5">
        <v>1997</v>
      </c>
      <c r="B53" s="6">
        <v>89.25</v>
      </c>
      <c r="C53" s="6">
        <v>37.314</v>
      </c>
      <c r="D53" s="6">
        <v>240</v>
      </c>
      <c r="E53" s="6">
        <v>191.71779999999998</v>
      </c>
      <c r="I53" s="6"/>
      <c r="J53" s="36"/>
      <c r="K53" s="36"/>
      <c r="L53" s="36"/>
    </row>
    <row r="54" spans="1:12" x14ac:dyDescent="0.25">
      <c r="A54" s="5">
        <v>1998</v>
      </c>
      <c r="B54" s="6">
        <v>98.614000000000004</v>
      </c>
      <c r="C54" s="6">
        <v>39.405999999999999</v>
      </c>
      <c r="D54" s="6">
        <v>240</v>
      </c>
      <c r="E54" s="6">
        <v>191.71779999999998</v>
      </c>
      <c r="I54" s="6"/>
      <c r="J54" s="36"/>
      <c r="K54" s="36"/>
      <c r="L54" s="36"/>
    </row>
    <row r="55" spans="1:12" x14ac:dyDescent="0.25">
      <c r="A55" s="5">
        <v>1999</v>
      </c>
      <c r="B55" s="6">
        <v>100.164</v>
      </c>
      <c r="C55" s="6">
        <v>40.069000000000003</v>
      </c>
      <c r="D55" s="6">
        <v>240</v>
      </c>
      <c r="E55" s="6">
        <v>191.71779999999998</v>
      </c>
      <c r="I55" s="6"/>
      <c r="J55" s="36"/>
      <c r="K55" s="36"/>
      <c r="L55" s="36"/>
    </row>
    <row r="56" spans="1:12" x14ac:dyDescent="0.25">
      <c r="A56" s="5">
        <v>2000</v>
      </c>
      <c r="B56" s="6">
        <v>110.625</v>
      </c>
      <c r="C56" s="6">
        <v>47.981000000000002</v>
      </c>
      <c r="D56" s="6">
        <v>240</v>
      </c>
      <c r="E56" s="6">
        <v>191.71779999999998</v>
      </c>
      <c r="I56" s="6"/>
      <c r="J56" s="36"/>
      <c r="K56" s="36"/>
      <c r="L56" s="36"/>
    </row>
    <row r="57" spans="1:12" x14ac:dyDescent="0.25">
      <c r="A57" s="5">
        <v>2001</v>
      </c>
      <c r="B57" s="6">
        <v>86.263000000000005</v>
      </c>
      <c r="C57" s="6">
        <v>36.546999999999997</v>
      </c>
      <c r="D57" s="6">
        <v>240</v>
      </c>
      <c r="E57" s="6">
        <v>191.71779999999998</v>
      </c>
      <c r="I57" s="6"/>
      <c r="J57" s="36"/>
      <c r="K57" s="36"/>
      <c r="L57" s="36"/>
    </row>
    <row r="58" spans="1:12" x14ac:dyDescent="0.25">
      <c r="A58" s="5">
        <v>2002</v>
      </c>
      <c r="B58" s="6">
        <v>107.61799999999999</v>
      </c>
      <c r="C58" s="6">
        <v>38.834000000000003</v>
      </c>
      <c r="D58" s="6">
        <v>240</v>
      </c>
      <c r="E58" s="6">
        <v>191.71779999999998</v>
      </c>
      <c r="I58" s="6"/>
      <c r="J58" s="36"/>
      <c r="K58" s="36"/>
      <c r="L58" s="36"/>
    </row>
    <row r="59" spans="1:12" x14ac:dyDescent="0.25">
      <c r="A59" s="5">
        <v>2003</v>
      </c>
      <c r="B59" s="6">
        <v>109.8</v>
      </c>
      <c r="C59" s="6">
        <v>44.54</v>
      </c>
      <c r="D59" s="6">
        <v>240</v>
      </c>
      <c r="E59" s="6">
        <v>191.71779999999998</v>
      </c>
      <c r="I59" s="6"/>
      <c r="J59" s="36"/>
      <c r="K59" s="36"/>
      <c r="L59" s="36"/>
    </row>
    <row r="60" spans="1:12" x14ac:dyDescent="0.25">
      <c r="A60" s="5">
        <v>2004</v>
      </c>
      <c r="B60" s="6">
        <v>108.899</v>
      </c>
      <c r="C60" s="6">
        <v>52.540999999999997</v>
      </c>
      <c r="D60" s="6">
        <v>240</v>
      </c>
      <c r="E60" s="6">
        <v>191.71779999999998</v>
      </c>
      <c r="I60" s="6"/>
      <c r="J60" s="36"/>
      <c r="K60" s="36"/>
      <c r="L60" s="36"/>
    </row>
    <row r="61" spans="1:12" x14ac:dyDescent="0.25">
      <c r="A61" s="5">
        <v>2005</v>
      </c>
      <c r="B61" s="6">
        <v>108.21599999999999</v>
      </c>
      <c r="C61" s="6">
        <v>54.128</v>
      </c>
      <c r="D61" s="6">
        <v>240</v>
      </c>
      <c r="E61" s="6">
        <v>191.71779999999998</v>
      </c>
      <c r="I61" s="6"/>
      <c r="J61" s="36"/>
      <c r="K61" s="36"/>
      <c r="L61" s="36"/>
    </row>
    <row r="62" spans="1:12" x14ac:dyDescent="0.25">
      <c r="A62" s="5">
        <v>2006</v>
      </c>
      <c r="B62" s="6">
        <v>97.594999999999999</v>
      </c>
      <c r="C62" s="6">
        <v>47.83</v>
      </c>
      <c r="D62" s="6">
        <v>240</v>
      </c>
      <c r="E62" s="6">
        <v>191.71779999999998</v>
      </c>
      <c r="I62" s="6"/>
      <c r="J62" s="36"/>
      <c r="K62" s="36"/>
      <c r="L62" s="36"/>
    </row>
    <row r="63" spans="1:12" x14ac:dyDescent="0.25">
      <c r="A63" s="5">
        <v>2007</v>
      </c>
      <c r="B63" s="6">
        <v>105.857</v>
      </c>
      <c r="C63" s="6">
        <v>45.835000000000001</v>
      </c>
      <c r="D63" s="6">
        <v>240</v>
      </c>
      <c r="E63" s="6">
        <v>191.71779999999998</v>
      </c>
      <c r="I63" s="6"/>
      <c r="J63" s="36"/>
      <c r="K63" s="36"/>
      <c r="L63" s="36"/>
    </row>
    <row r="64" spans="1:12" x14ac:dyDescent="0.25">
      <c r="A64" s="5">
        <v>2008</v>
      </c>
      <c r="B64" s="6">
        <v>103.488</v>
      </c>
      <c r="C64" s="6">
        <v>41.683999999999997</v>
      </c>
      <c r="D64" s="6">
        <v>240</v>
      </c>
      <c r="E64" s="6">
        <v>191.71779999999998</v>
      </c>
      <c r="I64" s="6"/>
      <c r="J64" s="36"/>
      <c r="K64" s="36"/>
      <c r="L64" s="36"/>
    </row>
    <row r="65" spans="1:12" x14ac:dyDescent="0.25">
      <c r="A65" s="5">
        <v>2009</v>
      </c>
      <c r="B65" s="6">
        <v>102.56</v>
      </c>
      <c r="C65" s="6">
        <v>44.238</v>
      </c>
      <c r="D65" s="6">
        <v>240</v>
      </c>
      <c r="E65" s="6">
        <v>191.71779999999998</v>
      </c>
      <c r="I65" s="6"/>
      <c r="J65" s="36"/>
      <c r="K65" s="36"/>
      <c r="L65" s="36"/>
    </row>
    <row r="66" spans="1:12" x14ac:dyDescent="0.25">
      <c r="A66" s="5">
        <v>2010</v>
      </c>
      <c r="B66" s="6">
        <v>112.358</v>
      </c>
      <c r="C66" s="6">
        <v>43.683</v>
      </c>
      <c r="D66" s="6">
        <v>240</v>
      </c>
      <c r="E66" s="6">
        <v>191.71779999999998</v>
      </c>
      <c r="I66" s="6"/>
      <c r="J66" s="36"/>
      <c r="K66" s="36"/>
      <c r="L66" s="36"/>
    </row>
    <row r="67" spans="1:12" x14ac:dyDescent="0.25">
      <c r="A67" s="5">
        <v>2011</v>
      </c>
      <c r="B67" s="6">
        <v>99.524000000000001</v>
      </c>
      <c r="C67" s="6">
        <v>53.938000000000002</v>
      </c>
      <c r="D67" s="6">
        <v>240</v>
      </c>
      <c r="E67" s="6">
        <v>191.71779999999998</v>
      </c>
      <c r="I67" s="6"/>
      <c r="J67" s="36"/>
      <c r="K67" s="36"/>
      <c r="L67" s="36"/>
    </row>
    <row r="68" spans="1:12" x14ac:dyDescent="0.25">
      <c r="A68" s="5">
        <v>2012</v>
      </c>
      <c r="B68" s="6">
        <v>92.209000000000003</v>
      </c>
      <c r="C68" s="6">
        <v>52.526000000000003</v>
      </c>
      <c r="D68" s="6">
        <v>240</v>
      </c>
      <c r="E68" s="6">
        <v>191.71779999999998</v>
      </c>
      <c r="I68" s="6"/>
      <c r="J68" s="36"/>
      <c r="K68" s="36"/>
      <c r="L68" s="36"/>
    </row>
    <row r="69" spans="1:12" x14ac:dyDescent="0.25">
      <c r="A69" s="5">
        <v>2013</v>
      </c>
      <c r="B69" s="6">
        <v>96.695999999999998</v>
      </c>
      <c r="C69" s="6">
        <v>55.631</v>
      </c>
      <c r="D69" s="6">
        <v>240</v>
      </c>
      <c r="E69" s="6">
        <v>191.71779999999998</v>
      </c>
      <c r="I69" s="6"/>
      <c r="J69" s="36"/>
      <c r="K69" s="36"/>
      <c r="L69" s="36"/>
    </row>
    <row r="70" spans="1:12" x14ac:dyDescent="0.25">
      <c r="A70" s="5">
        <v>2014</v>
      </c>
      <c r="B70" s="6">
        <v>103.754</v>
      </c>
      <c r="C70" s="6">
        <v>71.42</v>
      </c>
      <c r="D70" s="6">
        <v>240</v>
      </c>
      <c r="E70" s="6">
        <v>191.71779999999998</v>
      </c>
      <c r="I70" s="6"/>
      <c r="J70" s="36"/>
      <c r="K70" s="36"/>
      <c r="L70" s="36"/>
    </row>
    <row r="71" spans="1:12" x14ac:dyDescent="0.25">
      <c r="A71" s="5">
        <v>2015</v>
      </c>
      <c r="B71" s="6">
        <v>118.955</v>
      </c>
      <c r="C71" s="6">
        <v>76.486999999999995</v>
      </c>
      <c r="D71" s="6">
        <v>240</v>
      </c>
      <c r="E71" s="6">
        <v>191.71779999999998</v>
      </c>
      <c r="I71" s="6"/>
      <c r="J71" s="36"/>
      <c r="K71" s="36"/>
      <c r="L71" s="36"/>
    </row>
    <row r="72" spans="1:12" x14ac:dyDescent="0.25">
      <c r="A72" s="5">
        <v>2016</v>
      </c>
      <c r="B72" s="6">
        <v>114.35299999999999</v>
      </c>
      <c r="C72" s="6">
        <v>96.766999999999996</v>
      </c>
      <c r="D72" s="6">
        <v>240</v>
      </c>
      <c r="E72" s="6">
        <v>191.71779999999998</v>
      </c>
      <c r="I72" s="6"/>
      <c r="J72" s="36"/>
      <c r="K72" s="36"/>
      <c r="L72" s="36"/>
    </row>
    <row r="73" spans="1:12" x14ac:dyDescent="0.25">
      <c r="A73" s="5">
        <v>2017</v>
      </c>
      <c r="B73" s="6">
        <v>112.587</v>
      </c>
      <c r="C73" s="6">
        <v>98.686999999999998</v>
      </c>
      <c r="D73" s="6">
        <v>240</v>
      </c>
      <c r="E73" s="6">
        <v>191.71779999999998</v>
      </c>
      <c r="I73" s="6"/>
      <c r="J73" s="36"/>
      <c r="K73" s="36"/>
      <c r="L73" s="36"/>
    </row>
    <row r="74" spans="1:12" x14ac:dyDescent="0.25">
      <c r="A74" s="5">
        <v>2018</v>
      </c>
      <c r="B74" s="6">
        <v>120.839</v>
      </c>
      <c r="C74" s="6">
        <v>97.126999999999995</v>
      </c>
      <c r="D74" s="6">
        <v>240</v>
      </c>
      <c r="E74" s="6">
        <v>191.71779999999998</v>
      </c>
      <c r="I74" s="6"/>
      <c r="J74" s="36"/>
      <c r="K74" s="36"/>
      <c r="L74" s="36"/>
    </row>
    <row r="75" spans="1:12" x14ac:dyDescent="0.25">
      <c r="A75" s="5">
        <v>2019</v>
      </c>
      <c r="B75" s="6">
        <v>109.855</v>
      </c>
      <c r="C75" s="6">
        <v>91.167000000000002</v>
      </c>
      <c r="D75" s="6">
        <v>240</v>
      </c>
      <c r="E75" s="6">
        <v>191.71779999999998</v>
      </c>
      <c r="I75" s="6"/>
      <c r="J75" s="36"/>
      <c r="K75" s="36"/>
      <c r="L75" s="36"/>
    </row>
    <row r="76" spans="1:12" x14ac:dyDescent="0.25">
      <c r="A76" s="5">
        <v>2020</v>
      </c>
      <c r="B76" s="6">
        <v>104.352</v>
      </c>
      <c r="C76" s="6">
        <v>76.018000000000001</v>
      </c>
      <c r="D76" s="6">
        <v>240</v>
      </c>
      <c r="E76" s="6">
        <v>191.71779999999998</v>
      </c>
      <c r="I76" s="6"/>
      <c r="J76" s="36"/>
      <c r="K76" s="36"/>
      <c r="L76" s="36"/>
    </row>
    <row r="77" spans="1:12" x14ac:dyDescent="0.25">
      <c r="A77" s="5">
        <v>2021</v>
      </c>
      <c r="B77" s="6">
        <v>110.011</v>
      </c>
      <c r="C77" s="6">
        <v>67.334000000000003</v>
      </c>
      <c r="D77" s="6">
        <v>240</v>
      </c>
      <c r="E77" s="6">
        <v>191.71779999999998</v>
      </c>
      <c r="I77" s="6"/>
      <c r="J77" s="36"/>
      <c r="K77" s="36"/>
      <c r="L77" s="36"/>
    </row>
    <row r="78" spans="1:12" x14ac:dyDescent="0.25">
      <c r="A78" s="5">
        <v>2022</v>
      </c>
      <c r="B78" s="6">
        <v>114.652</v>
      </c>
      <c r="C78" s="6">
        <v>58.506</v>
      </c>
      <c r="D78" s="6">
        <v>240</v>
      </c>
      <c r="E78" s="6">
        <v>191.71779999999998</v>
      </c>
      <c r="I78" s="6"/>
      <c r="J78" s="36"/>
      <c r="K78" s="36"/>
      <c r="L78" s="36"/>
    </row>
    <row r="79" spans="1:12" x14ac:dyDescent="0.25">
      <c r="A79" s="5">
        <v>2023</v>
      </c>
      <c r="B79" s="6">
        <v>115.39400000000001</v>
      </c>
      <c r="C79" s="6">
        <v>58.912999999999997</v>
      </c>
      <c r="D79" s="6">
        <v>240</v>
      </c>
      <c r="E79" s="6">
        <v>191.71779999999998</v>
      </c>
      <c r="I79" s="6"/>
      <c r="J79" s="36"/>
      <c r="K79" s="36"/>
      <c r="L79" s="36"/>
    </row>
    <row r="81" spans="1:2" x14ac:dyDescent="0.25">
      <c r="A81" s="34" t="s">
        <v>111</v>
      </c>
    </row>
    <row r="83" spans="1:2" x14ac:dyDescent="0.25">
      <c r="A83" s="5">
        <v>1956</v>
      </c>
      <c r="B83" s="6">
        <v>334.52790738018501</v>
      </c>
    </row>
    <row r="84" spans="1:2" x14ac:dyDescent="0.25">
      <c r="A84" s="5">
        <v>1957</v>
      </c>
      <c r="B84" s="6">
        <v>330.79600030016508</v>
      </c>
    </row>
    <row r="85" spans="1:2" x14ac:dyDescent="0.25">
      <c r="A85" s="5">
        <v>1958</v>
      </c>
      <c r="B85" s="6">
        <v>393.20414618907762</v>
      </c>
    </row>
    <row r="86" spans="1:2" x14ac:dyDescent="0.25">
      <c r="A86" s="5">
        <v>1959</v>
      </c>
      <c r="B86" s="6">
        <v>405.16829736435562</v>
      </c>
    </row>
    <row r="87" spans="1:2" x14ac:dyDescent="0.25">
      <c r="A87" s="5">
        <v>1960</v>
      </c>
      <c r="B87" s="6">
        <v>410.44892445183416</v>
      </c>
    </row>
    <row r="88" spans="1:2" x14ac:dyDescent="0.25">
      <c r="A88" s="5">
        <v>1961</v>
      </c>
      <c r="B88" s="6">
        <v>352.85601474072126</v>
      </c>
    </row>
    <row r="89" spans="1:2" x14ac:dyDescent="0.25">
      <c r="A89" s="5">
        <v>1962</v>
      </c>
      <c r="B89" s="6">
        <v>426.61684816007471</v>
      </c>
    </row>
    <row r="90" spans="1:2" x14ac:dyDescent="0.25">
      <c r="A90" s="5">
        <v>1963</v>
      </c>
      <c r="B90" s="6">
        <v>435.7305549056216</v>
      </c>
    </row>
    <row r="91" spans="1:2" x14ac:dyDescent="0.25">
      <c r="A91" s="5">
        <v>1964</v>
      </c>
      <c r="B91" s="6">
        <v>467.75462664538759</v>
      </c>
    </row>
    <row r="92" spans="1:2" x14ac:dyDescent="0.25">
      <c r="A92" s="5">
        <v>1965</v>
      </c>
      <c r="B92" s="6">
        <v>511.9144453482325</v>
      </c>
    </row>
    <row r="93" spans="1:2" x14ac:dyDescent="0.25">
      <c r="A93" s="5">
        <v>1966</v>
      </c>
      <c r="B93" s="6">
        <v>561.39594354050189</v>
      </c>
    </row>
    <row r="94" spans="1:2" x14ac:dyDescent="0.25">
      <c r="A94" s="5">
        <v>1967</v>
      </c>
      <c r="B94" s="6">
        <v>559.35104382623786</v>
      </c>
    </row>
    <row r="95" spans="1:2" x14ac:dyDescent="0.25">
      <c r="A95" s="5">
        <v>1968</v>
      </c>
      <c r="B95" s="6">
        <v>533.85991454126997</v>
      </c>
    </row>
    <row r="96" spans="1:2" x14ac:dyDescent="0.25">
      <c r="A96" s="5">
        <v>1969</v>
      </c>
      <c r="B96" s="6">
        <v>525.75152406979191</v>
      </c>
    </row>
    <row r="97" spans="1:2" x14ac:dyDescent="0.25">
      <c r="A97" s="5">
        <v>1970</v>
      </c>
      <c r="B97" s="6">
        <v>560.45221110469379</v>
      </c>
    </row>
    <row r="98" spans="1:2" x14ac:dyDescent="0.25">
      <c r="A98" s="5">
        <v>1971</v>
      </c>
      <c r="B98" s="6">
        <v>266.28541944360842</v>
      </c>
    </row>
    <row r="99" spans="1:2" x14ac:dyDescent="0.25">
      <c r="A99" s="5">
        <v>1972</v>
      </c>
      <c r="B99" s="6">
        <v>695.72515030250156</v>
      </c>
    </row>
    <row r="100" spans="1:2" x14ac:dyDescent="0.25">
      <c r="A100" s="5">
        <v>1973</v>
      </c>
      <c r="B100" s="6">
        <v>738.38853776529334</v>
      </c>
    </row>
    <row r="101" spans="1:2" x14ac:dyDescent="0.25">
      <c r="A101" s="5">
        <v>1974</v>
      </c>
      <c r="B101" s="6">
        <v>677.51821866068713</v>
      </c>
    </row>
    <row r="102" spans="1:2" x14ac:dyDescent="0.25">
      <c r="A102" s="5">
        <v>1975</v>
      </c>
      <c r="B102" s="6">
        <v>953.32461669941495</v>
      </c>
    </row>
    <row r="103" spans="1:2" x14ac:dyDescent="0.25">
      <c r="A103" s="5">
        <v>1976</v>
      </c>
      <c r="B103" s="6">
        <v>1008.4049679237535</v>
      </c>
    </row>
    <row r="104" spans="1:2" x14ac:dyDescent="0.25">
      <c r="A104" s="5">
        <v>1977</v>
      </c>
      <c r="B104" s="6">
        <v>805.12291017698601</v>
      </c>
    </row>
    <row r="105" spans="1:2" x14ac:dyDescent="0.25">
      <c r="A105" s="5">
        <v>1978</v>
      </c>
      <c r="B105" s="6">
        <v>805.36112580962777</v>
      </c>
    </row>
    <row r="106" spans="1:2" x14ac:dyDescent="0.25">
      <c r="A106" s="5">
        <v>1979</v>
      </c>
      <c r="B106" s="6">
        <v>715.08467763077408</v>
      </c>
    </row>
    <row r="107" spans="1:2" x14ac:dyDescent="0.25">
      <c r="A107" s="5">
        <v>1980</v>
      </c>
      <c r="B107" s="6">
        <v>654.19812679060374</v>
      </c>
    </row>
    <row r="108" spans="1:2" x14ac:dyDescent="0.25">
      <c r="A108" s="5">
        <v>1981</v>
      </c>
      <c r="B108" s="6">
        <v>567.30173011222018</v>
      </c>
    </row>
    <row r="109" spans="1:2" x14ac:dyDescent="0.25">
      <c r="A109" s="5">
        <v>1982</v>
      </c>
      <c r="B109" s="6">
        <v>555.58111204818249</v>
      </c>
    </row>
    <row r="110" spans="1:2" x14ac:dyDescent="0.25">
      <c r="A110" s="5">
        <v>1983</v>
      </c>
      <c r="B110" s="6">
        <v>567.74491919529305</v>
      </c>
    </row>
    <row r="111" spans="1:2" x14ac:dyDescent="0.25">
      <c r="A111" s="5">
        <v>1984</v>
      </c>
      <c r="B111" s="6">
        <v>703.8330942379738</v>
      </c>
    </row>
    <row r="112" spans="1:2" x14ac:dyDescent="0.25">
      <c r="A112" s="5">
        <v>1985</v>
      </c>
      <c r="B112" s="6">
        <v>649.45988069006285</v>
      </c>
    </row>
    <row r="113" spans="1:2" x14ac:dyDescent="0.25">
      <c r="A113" s="5">
        <v>1986</v>
      </c>
      <c r="B113" s="6">
        <v>534.23340596046228</v>
      </c>
    </row>
    <row r="114" spans="1:2" x14ac:dyDescent="0.25">
      <c r="A114" s="5">
        <v>1987</v>
      </c>
      <c r="B114" s="6">
        <v>450.26810280140074</v>
      </c>
    </row>
    <row r="115" spans="1:2" x14ac:dyDescent="0.25">
      <c r="A115" s="5">
        <v>1988</v>
      </c>
      <c r="B115" s="6">
        <v>463.23531926097917</v>
      </c>
    </row>
    <row r="116" spans="1:2" x14ac:dyDescent="0.25">
      <c r="A116" s="5">
        <v>1989</v>
      </c>
      <c r="B116" s="6">
        <v>643.07545635532631</v>
      </c>
    </row>
    <row r="117" spans="1:2" x14ac:dyDescent="0.25">
      <c r="A117" s="5">
        <v>1990</v>
      </c>
      <c r="B117" s="6">
        <v>623.45469759059415</v>
      </c>
    </row>
    <row r="118" spans="1:2" x14ac:dyDescent="0.25">
      <c r="A118" s="5">
        <v>1991</v>
      </c>
      <c r="B118" s="6">
        <v>620.12398847107977</v>
      </c>
    </row>
    <row r="119" spans="1:2" x14ac:dyDescent="0.25">
      <c r="A119" s="5">
        <v>1992</v>
      </c>
      <c r="B119" s="6">
        <v>816.04472585208134</v>
      </c>
    </row>
    <row r="120" spans="1:2" x14ac:dyDescent="0.25">
      <c r="A120" s="5">
        <v>1993</v>
      </c>
      <c r="B120" s="6">
        <v>1027.7048846298708</v>
      </c>
    </row>
    <row r="121" spans="1:2" x14ac:dyDescent="0.25">
      <c r="A121" s="5">
        <v>1994</v>
      </c>
      <c r="B121" s="6">
        <v>977.84826462777391</v>
      </c>
    </row>
    <row r="122" spans="1:2" x14ac:dyDescent="0.25">
      <c r="A122" s="5">
        <v>1995</v>
      </c>
      <c r="B122" s="6">
        <v>680.31195978477615</v>
      </c>
    </row>
    <row r="123" spans="1:2" x14ac:dyDescent="0.25">
      <c r="A123" s="5">
        <v>1996</v>
      </c>
      <c r="B123" s="6">
        <v>574.09615941994548</v>
      </c>
    </row>
    <row r="124" spans="1:2" x14ac:dyDescent="0.25">
      <c r="A124" s="5">
        <v>1997</v>
      </c>
      <c r="B124" s="6">
        <v>703.42642767819927</v>
      </c>
    </row>
    <row r="125" spans="1:2" x14ac:dyDescent="0.25">
      <c r="A125" s="5">
        <v>1998</v>
      </c>
      <c r="B125" s="6">
        <v>705.5660068706037</v>
      </c>
    </row>
    <row r="126" spans="1:2" x14ac:dyDescent="0.25">
      <c r="A126" s="5">
        <v>1999</v>
      </c>
      <c r="B126" s="6">
        <v>656.55227304649088</v>
      </c>
    </row>
    <row r="127" spans="1:2" x14ac:dyDescent="0.25">
      <c r="A127" s="5">
        <v>2000</v>
      </c>
      <c r="B127" s="6">
        <v>715.00184829551097</v>
      </c>
    </row>
    <row r="128" spans="1:2" x14ac:dyDescent="0.25">
      <c r="A128" s="5">
        <v>2001</v>
      </c>
      <c r="B128" s="6">
        <v>500.39727004176427</v>
      </c>
    </row>
    <row r="129" spans="1:2" x14ac:dyDescent="0.25">
      <c r="A129" s="5">
        <v>2002</v>
      </c>
      <c r="B129" s="6">
        <v>668.79167047218925</v>
      </c>
    </row>
    <row r="130" spans="1:2" x14ac:dyDescent="0.25">
      <c r="A130" s="5">
        <v>2003</v>
      </c>
      <c r="B130" s="6">
        <v>696.12203108509163</v>
      </c>
    </row>
    <row r="131" spans="1:2" x14ac:dyDescent="0.25">
      <c r="A131" s="5">
        <v>2004</v>
      </c>
      <c r="B131" s="6">
        <v>737.68094750694547</v>
      </c>
    </row>
    <row r="132" spans="1:2" x14ac:dyDescent="0.25">
      <c r="A132" s="5">
        <v>2005</v>
      </c>
      <c r="B132" s="6">
        <v>611.37305114107096</v>
      </c>
    </row>
    <row r="133" spans="1:2" x14ac:dyDescent="0.25">
      <c r="A133" s="5">
        <v>2006</v>
      </c>
      <c r="B133" s="6">
        <v>460.19987088771029</v>
      </c>
    </row>
    <row r="134" spans="1:2" x14ac:dyDescent="0.25">
      <c r="A134" s="5">
        <v>2007</v>
      </c>
      <c r="B134" s="6">
        <v>390.38124012414619</v>
      </c>
    </row>
    <row r="135" spans="1:2" x14ac:dyDescent="0.25">
      <c r="A135" s="5">
        <v>2008</v>
      </c>
      <c r="B135" s="6">
        <v>315.9319614192695</v>
      </c>
    </row>
    <row r="136" spans="1:2" x14ac:dyDescent="0.25">
      <c r="A136" s="5">
        <v>2009</v>
      </c>
      <c r="B136" s="6">
        <v>376.40705849773587</v>
      </c>
    </row>
    <row r="137" spans="1:2" x14ac:dyDescent="0.25">
      <c r="A137" s="5">
        <v>2010</v>
      </c>
      <c r="B137" s="6">
        <v>508.53196717571683</v>
      </c>
    </row>
    <row r="138" spans="1:2" x14ac:dyDescent="0.25">
      <c r="A138" s="5">
        <v>2011</v>
      </c>
      <c r="B138" s="6">
        <v>438.80387043645345</v>
      </c>
    </row>
    <row r="139" spans="1:2" x14ac:dyDescent="0.25">
      <c r="A139" s="5">
        <v>2012</v>
      </c>
      <c r="B139" s="6">
        <v>356.64299478101452</v>
      </c>
    </row>
    <row r="140" spans="1:2" x14ac:dyDescent="0.25">
      <c r="A140" s="5">
        <v>2013</v>
      </c>
      <c r="B140" s="6">
        <v>411.9684979743289</v>
      </c>
    </row>
    <row r="141" spans="1:2" x14ac:dyDescent="0.25">
      <c r="A141" s="5">
        <v>2014</v>
      </c>
      <c r="B141" s="6">
        <v>511.37630855281213</v>
      </c>
    </row>
    <row r="142" spans="1:2" x14ac:dyDescent="0.25">
      <c r="A142" s="5">
        <v>2015</v>
      </c>
      <c r="B142" s="6">
        <v>567.73275236020334</v>
      </c>
    </row>
    <row r="143" spans="1:2" x14ac:dyDescent="0.25">
      <c r="A143" s="5">
        <v>2016</v>
      </c>
      <c r="B143" s="6">
        <v>527.16345013396324</v>
      </c>
    </row>
    <row r="144" spans="1:2" x14ac:dyDescent="0.25">
      <c r="A144" s="5">
        <v>2017</v>
      </c>
      <c r="B144" s="6">
        <v>564.9732320017971</v>
      </c>
    </row>
    <row r="145" spans="1:2" x14ac:dyDescent="0.25">
      <c r="A145" s="5">
        <v>2018</v>
      </c>
      <c r="B145" s="6">
        <v>563.04214175376228</v>
      </c>
    </row>
    <row r="146" spans="1:2" x14ac:dyDescent="0.25">
      <c r="A146" s="5">
        <v>2019</v>
      </c>
      <c r="B146" s="6">
        <v>537.02100831356461</v>
      </c>
    </row>
    <row r="147" spans="1:2" x14ac:dyDescent="0.25">
      <c r="A147" s="5">
        <v>2020</v>
      </c>
      <c r="B147" s="6"/>
    </row>
    <row r="148" spans="1:2" x14ac:dyDescent="0.25">
      <c r="A148" s="5">
        <v>2021</v>
      </c>
      <c r="B148" s="6"/>
    </row>
    <row r="149" spans="1:2" x14ac:dyDescent="0.25">
      <c r="A149" s="5">
        <v>2022</v>
      </c>
      <c r="B149" s="6">
        <v>436.7785068994699</v>
      </c>
    </row>
    <row r="150" spans="1:2" x14ac:dyDescent="0.25">
      <c r="A150" s="5">
        <v>2023</v>
      </c>
      <c r="B150" s="6">
        <v>273.56049085107952</v>
      </c>
    </row>
  </sheetData>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CB92CB3-5A79-4E70-9D34-178F3A9469D7}">
  <dimension ref="A1:J29"/>
  <sheetViews>
    <sheetView workbookViewId="0">
      <selection activeCell="K19" sqref="K19"/>
    </sheetView>
  </sheetViews>
  <sheetFormatPr defaultColWidth="8.6640625" defaultRowHeight="13.2" x14ac:dyDescent="0.25"/>
  <cols>
    <col min="1" max="1" width="16.6640625" style="5" customWidth="1"/>
    <col min="2" max="2" width="8.33203125" style="5" customWidth="1"/>
    <col min="3" max="3" width="11" style="5" bestFit="1" customWidth="1"/>
    <col min="4" max="4" width="10.109375" style="5" bestFit="1" customWidth="1"/>
    <col min="5" max="7" width="5.5546875" style="5" bestFit="1" customWidth="1"/>
    <col min="8" max="16384" width="8.6640625" style="5"/>
  </cols>
  <sheetData>
    <row r="1" spans="1:10" s="19" customFormat="1" ht="13.8" x14ac:dyDescent="0.25">
      <c r="A1" s="18" t="s">
        <v>13</v>
      </c>
      <c r="B1" s="20"/>
      <c r="C1" s="20"/>
    </row>
    <row r="2" spans="1:10" customFormat="1" x14ac:dyDescent="0.25">
      <c r="A2" s="21" t="s">
        <v>2</v>
      </c>
      <c r="B2" t="s">
        <v>14</v>
      </c>
    </row>
    <row r="3" spans="1:10" customFormat="1" x14ac:dyDescent="0.25">
      <c r="A3" s="21" t="s">
        <v>102</v>
      </c>
      <c r="B3" t="s">
        <v>112</v>
      </c>
    </row>
    <row r="4" spans="1:10" customFormat="1" x14ac:dyDescent="0.25">
      <c r="A4" s="21" t="s">
        <v>103</v>
      </c>
      <c r="B4" s="1" t="s">
        <v>113</v>
      </c>
    </row>
    <row r="5" spans="1:10" customFormat="1" x14ac:dyDescent="0.25">
      <c r="A5" s="21" t="s">
        <v>3</v>
      </c>
      <c r="B5" t="s">
        <v>114</v>
      </c>
    </row>
    <row r="6" spans="1:10" customFormat="1" x14ac:dyDescent="0.25"/>
    <row r="7" spans="1:10" s="22" customFormat="1" x14ac:dyDescent="0.25">
      <c r="A7" s="23" t="s">
        <v>59</v>
      </c>
    </row>
    <row r="8" spans="1:10" customFormat="1" x14ac:dyDescent="0.25">
      <c r="A8" s="68"/>
    </row>
    <row r="9" spans="1:10" x14ac:dyDescent="0.25">
      <c r="A9" s="34" t="s">
        <v>115</v>
      </c>
      <c r="B9" s="40"/>
      <c r="C9" s="61"/>
      <c r="D9" s="61"/>
    </row>
    <row r="10" spans="1:10" x14ac:dyDescent="0.25">
      <c r="B10" s="40" t="s">
        <v>107</v>
      </c>
      <c r="C10" s="46" t="s">
        <v>116</v>
      </c>
      <c r="D10" s="40" t="s">
        <v>117</v>
      </c>
      <c r="E10" s="40"/>
      <c r="F10" s="40"/>
      <c r="G10" s="40"/>
    </row>
    <row r="11" spans="1:10" x14ac:dyDescent="0.25">
      <c r="A11" s="5" t="s">
        <v>78</v>
      </c>
      <c r="B11" s="47">
        <v>7.4399999999999995</v>
      </c>
      <c r="C11" s="47">
        <v>9.7200000000000006</v>
      </c>
      <c r="D11" s="47">
        <v>17.25</v>
      </c>
      <c r="E11" s="40"/>
      <c r="F11" s="40"/>
      <c r="G11" s="40"/>
      <c r="I11" s="36"/>
      <c r="J11" s="36"/>
    </row>
    <row r="12" spans="1:10" x14ac:dyDescent="0.25">
      <c r="A12" s="5" t="s">
        <v>79</v>
      </c>
      <c r="B12" s="47">
        <v>6.75</v>
      </c>
      <c r="C12" s="47">
        <v>9.36</v>
      </c>
      <c r="D12" s="47">
        <v>17.46</v>
      </c>
      <c r="E12" s="40"/>
      <c r="F12" s="40"/>
      <c r="G12" s="40"/>
      <c r="I12" s="36"/>
      <c r="J12" s="36"/>
    </row>
    <row r="13" spans="1:10" x14ac:dyDescent="0.25">
      <c r="A13" s="5" t="s">
        <v>80</v>
      </c>
      <c r="B13" s="47">
        <v>6.8100000000000005</v>
      </c>
      <c r="C13" s="48">
        <v>8.73</v>
      </c>
      <c r="D13" s="49">
        <v>15.72</v>
      </c>
      <c r="E13" s="50"/>
      <c r="F13" s="51"/>
      <c r="G13" s="51"/>
      <c r="I13" s="36"/>
      <c r="J13" s="36"/>
    </row>
    <row r="14" spans="1:10" x14ac:dyDescent="0.25">
      <c r="A14" s="5" t="s">
        <v>81</v>
      </c>
      <c r="B14" s="47">
        <v>7.02</v>
      </c>
      <c r="C14" s="48">
        <v>9.7200000000000006</v>
      </c>
      <c r="D14" s="49">
        <v>17.549999999999997</v>
      </c>
      <c r="E14" s="50"/>
      <c r="F14" s="51"/>
      <c r="G14" s="51"/>
      <c r="I14" s="36"/>
      <c r="J14" s="36"/>
    </row>
    <row r="15" spans="1:10" x14ac:dyDescent="0.25">
      <c r="A15" s="5" t="s">
        <v>82</v>
      </c>
      <c r="B15" s="47">
        <v>6.6000000000000005</v>
      </c>
      <c r="C15" s="48">
        <v>9.24</v>
      </c>
      <c r="D15" s="49">
        <v>17.850000000000001</v>
      </c>
      <c r="E15" s="50"/>
      <c r="F15" s="51"/>
      <c r="G15" s="51"/>
      <c r="I15" s="36"/>
      <c r="J15" s="36"/>
    </row>
    <row r="16" spans="1:10" x14ac:dyDescent="0.25">
      <c r="A16" s="5" t="s">
        <v>83</v>
      </c>
      <c r="B16" s="47">
        <v>6.42</v>
      </c>
      <c r="C16" s="49">
        <v>9.36</v>
      </c>
      <c r="D16" s="49">
        <v>18.54</v>
      </c>
      <c r="E16" s="50"/>
      <c r="F16" s="51"/>
      <c r="G16" s="51"/>
      <c r="I16" s="36"/>
      <c r="J16" s="36"/>
    </row>
    <row r="17" spans="1:10" x14ac:dyDescent="0.25">
      <c r="A17" s="5" t="s">
        <v>84</v>
      </c>
      <c r="B17" s="47">
        <v>6.57</v>
      </c>
      <c r="C17" s="52">
        <v>8.73</v>
      </c>
      <c r="D17" s="49">
        <v>17.97</v>
      </c>
      <c r="E17" s="50"/>
      <c r="F17" s="51"/>
      <c r="G17" s="51"/>
      <c r="I17" s="36"/>
      <c r="J17" s="36"/>
    </row>
    <row r="18" spans="1:10" x14ac:dyDescent="0.25">
      <c r="A18" s="5" t="s">
        <v>85</v>
      </c>
      <c r="B18" s="47">
        <v>6.6000000000000005</v>
      </c>
      <c r="C18" s="48">
        <v>9.06</v>
      </c>
      <c r="D18" s="49">
        <v>17.850000000000001</v>
      </c>
      <c r="E18" s="50"/>
      <c r="F18" s="51"/>
      <c r="G18" s="51"/>
      <c r="I18" s="36"/>
      <c r="J18" s="36"/>
    </row>
    <row r="19" spans="1:10" x14ac:dyDescent="0.25">
      <c r="A19" s="5" t="s">
        <v>86</v>
      </c>
      <c r="B19" s="47">
        <v>6.42</v>
      </c>
      <c r="C19" s="48">
        <v>8.91</v>
      </c>
      <c r="D19" s="49">
        <v>18.96</v>
      </c>
      <c r="E19" s="50"/>
      <c r="F19" s="51"/>
      <c r="G19" s="51"/>
    </row>
    <row r="20" spans="1:10" x14ac:dyDescent="0.25">
      <c r="A20" s="5" t="s">
        <v>87</v>
      </c>
      <c r="B20" s="47">
        <v>6.57</v>
      </c>
      <c r="C20" s="48">
        <v>9.2099999999999991</v>
      </c>
      <c r="D20" s="49">
        <v>19.59</v>
      </c>
      <c r="E20" s="50"/>
      <c r="F20" s="51"/>
      <c r="G20" s="51"/>
    </row>
    <row r="21" spans="1:10" x14ac:dyDescent="0.25">
      <c r="A21" s="5" t="s">
        <v>88</v>
      </c>
      <c r="B21" s="47">
        <v>6.66</v>
      </c>
      <c r="C21" s="48">
        <v>10.350000000000001</v>
      </c>
      <c r="D21" s="49">
        <v>20.13</v>
      </c>
      <c r="E21" s="50"/>
      <c r="F21" s="51"/>
      <c r="G21" s="51"/>
    </row>
    <row r="22" spans="1:10" x14ac:dyDescent="0.25">
      <c r="A22" s="5" t="s">
        <v>89</v>
      </c>
      <c r="B22" s="47">
        <v>6.5400000000000009</v>
      </c>
      <c r="C22" s="48">
        <v>10.59</v>
      </c>
      <c r="D22" s="49">
        <v>23.07</v>
      </c>
      <c r="E22" s="50"/>
      <c r="F22" s="51"/>
      <c r="G22" s="51"/>
    </row>
    <row r="23" spans="1:10" x14ac:dyDescent="0.25">
      <c r="A23" s="5" t="s">
        <v>90</v>
      </c>
      <c r="B23" s="47">
        <v>6.6000000000000005</v>
      </c>
      <c r="C23" s="48">
        <v>10.290000000000001</v>
      </c>
      <c r="D23" s="49">
        <v>26.130000000000003</v>
      </c>
      <c r="E23" s="51"/>
      <c r="F23" s="51"/>
      <c r="G23" s="51"/>
    </row>
    <row r="24" spans="1:10" x14ac:dyDescent="0.25">
      <c r="A24" s="5" t="s">
        <v>91</v>
      </c>
      <c r="B24" s="47">
        <v>7.92</v>
      </c>
      <c r="C24" s="52">
        <v>11.07</v>
      </c>
      <c r="D24" s="49">
        <v>26.490000000000002</v>
      </c>
      <c r="E24" s="51"/>
      <c r="F24" s="51"/>
      <c r="G24" s="51"/>
    </row>
    <row r="25" spans="1:10" x14ac:dyDescent="0.25">
      <c r="A25" s="5" t="s">
        <v>92</v>
      </c>
      <c r="B25" s="47">
        <v>10.02</v>
      </c>
      <c r="C25" s="53">
        <v>12.48</v>
      </c>
      <c r="D25" s="6">
        <v>25.950000000000003</v>
      </c>
    </row>
    <row r="26" spans="1:10" x14ac:dyDescent="0.25">
      <c r="A26" s="5" t="s">
        <v>118</v>
      </c>
      <c r="B26" s="47">
        <v>10.379999999999999</v>
      </c>
      <c r="C26" s="47">
        <v>12.899999999999999</v>
      </c>
      <c r="D26" s="6">
        <v>27.81</v>
      </c>
    </row>
    <row r="27" spans="1:10" x14ac:dyDescent="0.25">
      <c r="B27" s="40"/>
      <c r="C27" s="40"/>
    </row>
    <row r="28" spans="1:10" x14ac:dyDescent="0.25">
      <c r="B28" s="40"/>
      <c r="C28" s="40"/>
    </row>
    <row r="29" spans="1:10" x14ac:dyDescent="0.25">
      <c r="C29" s="40"/>
    </row>
  </sheetData>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05EEF3D-0A43-4F97-84D7-B2320CB0105D}">
  <dimension ref="A1:J39"/>
  <sheetViews>
    <sheetView workbookViewId="0">
      <selection activeCell="A9" sqref="A9"/>
    </sheetView>
  </sheetViews>
  <sheetFormatPr defaultColWidth="8.6640625" defaultRowHeight="13.2" x14ac:dyDescent="0.25"/>
  <cols>
    <col min="1" max="1" width="16.6640625" style="5" customWidth="1"/>
    <col min="2" max="2" width="67.6640625" style="5" customWidth="1"/>
    <col min="3" max="3" width="59.33203125" style="5" bestFit="1" customWidth="1"/>
    <col min="4" max="4" width="32.6640625" style="5" bestFit="1" customWidth="1"/>
    <col min="5" max="7" width="5.5546875" style="5" bestFit="1" customWidth="1"/>
    <col min="8" max="16384" width="8.6640625" style="5"/>
  </cols>
  <sheetData>
    <row r="1" spans="1:10" s="39" customFormat="1" x14ac:dyDescent="0.25">
      <c r="A1" s="37" t="s">
        <v>16</v>
      </c>
      <c r="B1" s="37"/>
      <c r="C1" s="37"/>
    </row>
    <row r="2" spans="1:10" x14ac:dyDescent="0.25">
      <c r="A2" s="35" t="s">
        <v>2</v>
      </c>
      <c r="B2" s="5" t="s">
        <v>17</v>
      </c>
    </row>
    <row r="3" spans="1:10" x14ac:dyDescent="0.25">
      <c r="A3" s="35" t="s">
        <v>102</v>
      </c>
      <c r="B3" s="5" t="s">
        <v>119</v>
      </c>
    </row>
    <row r="4" spans="1:10" x14ac:dyDescent="0.25">
      <c r="A4" s="35" t="s">
        <v>103</v>
      </c>
      <c r="B4" t="s">
        <v>120</v>
      </c>
    </row>
    <row r="5" spans="1:10" x14ac:dyDescent="0.25">
      <c r="A5" s="35" t="s">
        <v>3</v>
      </c>
      <c r="B5" s="5" t="s">
        <v>121</v>
      </c>
    </row>
    <row r="7" spans="1:10" s="42" customFormat="1" x14ac:dyDescent="0.25">
      <c r="A7" s="41" t="s">
        <v>59</v>
      </c>
    </row>
    <row r="8" spans="1:10" x14ac:dyDescent="0.25">
      <c r="A8" s="34"/>
    </row>
    <row r="9" spans="1:10" x14ac:dyDescent="0.25">
      <c r="A9" s="34" t="s">
        <v>60</v>
      </c>
      <c r="B9" s="43"/>
      <c r="C9" s="44"/>
      <c r="D9" s="45"/>
      <c r="E9" s="34"/>
      <c r="F9" s="34"/>
      <c r="G9" s="34"/>
    </row>
    <row r="10" spans="1:10" x14ac:dyDescent="0.25">
      <c r="B10" s="40" t="s">
        <v>61</v>
      </c>
      <c r="C10" s="46" t="s">
        <v>62</v>
      </c>
      <c r="D10" s="40" t="s">
        <v>63</v>
      </c>
      <c r="E10" s="40"/>
      <c r="F10" s="43"/>
      <c r="G10" s="43"/>
    </row>
    <row r="11" spans="1:10" x14ac:dyDescent="0.25">
      <c r="A11" s="5" t="s">
        <v>64</v>
      </c>
      <c r="B11" s="47">
        <v>100</v>
      </c>
      <c r="C11" s="47">
        <v>100</v>
      </c>
      <c r="D11" s="47">
        <v>100</v>
      </c>
      <c r="E11" s="40"/>
      <c r="F11" s="40"/>
      <c r="G11" s="40"/>
      <c r="I11" s="36"/>
      <c r="J11" s="36"/>
    </row>
    <row r="12" spans="1:10" x14ac:dyDescent="0.25">
      <c r="A12" s="5" t="s">
        <v>65</v>
      </c>
      <c r="B12" s="47">
        <v>86.407309101495827</v>
      </c>
      <c r="C12" s="47">
        <v>103.3599397391438</v>
      </c>
      <c r="D12" s="47">
        <v>101.52757452127939</v>
      </c>
      <c r="E12" s="43"/>
      <c r="F12" s="43"/>
      <c r="G12" s="43"/>
      <c r="I12" s="36"/>
      <c r="J12" s="36"/>
    </row>
    <row r="13" spans="1:10" x14ac:dyDescent="0.25">
      <c r="A13" s="5" t="s">
        <v>66</v>
      </c>
      <c r="B13" s="47">
        <v>73.93617348876262</v>
      </c>
      <c r="C13" s="48">
        <v>105.0898993332563</v>
      </c>
      <c r="D13" s="49">
        <v>105.17000352091142</v>
      </c>
      <c r="E13" s="50"/>
      <c r="F13" s="51"/>
      <c r="G13" s="51"/>
      <c r="I13" s="36"/>
      <c r="J13" s="36"/>
    </row>
    <row r="14" spans="1:10" x14ac:dyDescent="0.25">
      <c r="A14" s="5" t="s">
        <v>67</v>
      </c>
      <c r="B14" s="47">
        <v>78.959310666786592</v>
      </c>
      <c r="C14" s="48">
        <v>105.13755881086513</v>
      </c>
      <c r="D14" s="49">
        <v>108.80506245938825</v>
      </c>
      <c r="E14" s="50"/>
      <c r="F14" s="51"/>
      <c r="G14" s="51"/>
      <c r="I14" s="36"/>
      <c r="J14" s="36"/>
    </row>
    <row r="15" spans="1:10" x14ac:dyDescent="0.25">
      <c r="A15" s="5" t="s">
        <v>68</v>
      </c>
      <c r="B15" s="47">
        <v>81.647643259137283</v>
      </c>
      <c r="C15" s="48">
        <v>103.14579263552272</v>
      </c>
      <c r="D15" s="49">
        <v>113.02189125881206</v>
      </c>
      <c r="E15" s="50"/>
      <c r="F15" s="51"/>
      <c r="G15" s="51"/>
      <c r="I15" s="36"/>
      <c r="J15" s="36"/>
    </row>
    <row r="16" spans="1:10" x14ac:dyDescent="0.25">
      <c r="A16" s="5" t="s">
        <v>69</v>
      </c>
      <c r="B16" s="47">
        <v>78.3632542717354</v>
      </c>
      <c r="C16" s="49">
        <v>102.78582921377159</v>
      </c>
      <c r="D16" s="49">
        <v>114.00235197591707</v>
      </c>
      <c r="E16" s="50"/>
      <c r="F16" s="51"/>
      <c r="G16" s="51"/>
      <c r="I16" s="36"/>
      <c r="J16" s="36"/>
    </row>
    <row r="17" spans="1:10" x14ac:dyDescent="0.25">
      <c r="A17" s="5" t="s">
        <v>70</v>
      </c>
      <c r="B17" s="47">
        <v>68.944130111900265</v>
      </c>
      <c r="C17" s="52">
        <v>78.233331311825822</v>
      </c>
      <c r="D17" s="49">
        <v>115.89369624592342</v>
      </c>
      <c r="E17" s="50"/>
      <c r="F17" s="51"/>
      <c r="G17" s="51"/>
      <c r="I17" s="36"/>
      <c r="J17" s="36"/>
    </row>
    <row r="18" spans="1:10" x14ac:dyDescent="0.25">
      <c r="A18" s="5" t="s">
        <v>71</v>
      </c>
      <c r="B18" s="47">
        <v>70.841156531232599</v>
      </c>
      <c r="C18" s="48">
        <v>102.1087104491252</v>
      </c>
      <c r="D18" s="49">
        <v>120.33652684035503</v>
      </c>
      <c r="E18" s="50"/>
      <c r="F18" s="51"/>
      <c r="G18" s="51"/>
      <c r="I18" s="36"/>
      <c r="J18" s="36"/>
    </row>
    <row r="19" spans="1:10" x14ac:dyDescent="0.25">
      <c r="A19" s="5" t="s">
        <v>72</v>
      </c>
      <c r="B19" s="47">
        <v>71.041191594762353</v>
      </c>
      <c r="C19" s="48">
        <v>95.130357749630122</v>
      </c>
      <c r="D19" s="49">
        <v>121.15639506997746</v>
      </c>
      <c r="E19" s="50"/>
      <c r="F19" s="51"/>
      <c r="G19" s="51"/>
    </row>
    <row r="20" spans="1:10" x14ac:dyDescent="0.25">
      <c r="A20" s="5" t="s">
        <v>73</v>
      </c>
      <c r="B20" s="47">
        <v>65.918308304748678</v>
      </c>
      <c r="C20" s="48">
        <v>95.477884756757831</v>
      </c>
      <c r="D20" s="49">
        <v>124.59848777856142</v>
      </c>
      <c r="E20" s="50"/>
      <c r="F20" s="51"/>
      <c r="G20" s="51"/>
    </row>
    <row r="21" spans="1:10" x14ac:dyDescent="0.25">
      <c r="A21" s="5" t="s">
        <v>74</v>
      </c>
      <c r="B21" s="47">
        <v>67.742988498057827</v>
      </c>
      <c r="C21" s="48">
        <v>93.445793358831651</v>
      </c>
      <c r="D21" s="49">
        <v>125.16811449498837</v>
      </c>
      <c r="E21" s="50"/>
      <c r="F21" s="51"/>
      <c r="G21" s="51"/>
    </row>
    <row r="22" spans="1:10" x14ac:dyDescent="0.25">
      <c r="A22" s="5" t="s">
        <v>75</v>
      </c>
      <c r="B22" s="47">
        <v>66.166613557275269</v>
      </c>
      <c r="C22" s="48">
        <v>93.597835040496378</v>
      </c>
      <c r="D22" s="49">
        <v>126.16302073235173</v>
      </c>
      <c r="E22" s="50"/>
      <c r="F22" s="51"/>
      <c r="G22" s="51"/>
    </row>
    <row r="23" spans="1:10" x14ac:dyDescent="0.25">
      <c r="A23" s="5" t="s">
        <v>76</v>
      </c>
      <c r="B23" s="47">
        <v>61.4982445967199</v>
      </c>
      <c r="C23" s="48">
        <v>92.229748780690585</v>
      </c>
      <c r="D23" s="49">
        <v>127.20169762605281</v>
      </c>
      <c r="E23" s="51"/>
      <c r="F23" s="51"/>
      <c r="G23" s="51"/>
    </row>
    <row r="24" spans="1:10" x14ac:dyDescent="0.25">
      <c r="A24" s="5" t="s">
        <v>77</v>
      </c>
      <c r="B24" s="47">
        <v>53.726190934242332</v>
      </c>
      <c r="C24" s="52">
        <v>84.435968288916371</v>
      </c>
      <c r="D24" s="49">
        <v>128.01337953047326</v>
      </c>
      <c r="E24" s="51"/>
      <c r="F24" s="51"/>
      <c r="G24" s="51"/>
    </row>
    <row r="25" spans="1:10" x14ac:dyDescent="0.25">
      <c r="A25" s="5" t="s">
        <v>78</v>
      </c>
      <c r="B25" s="47">
        <v>55.289838067272647</v>
      </c>
      <c r="C25" s="53">
        <v>91.383048057902954</v>
      </c>
      <c r="D25" s="6">
        <v>129.45310424601806</v>
      </c>
    </row>
    <row r="26" spans="1:10" x14ac:dyDescent="0.25">
      <c r="A26" s="5" t="s">
        <v>79</v>
      </c>
      <c r="B26" s="47">
        <v>53.641549157342737</v>
      </c>
      <c r="C26" s="47">
        <v>93.899301054857759</v>
      </c>
      <c r="D26" s="6">
        <v>132.54191511816228</v>
      </c>
    </row>
    <row r="27" spans="1:10" x14ac:dyDescent="0.25">
      <c r="A27" s="5" t="s">
        <v>80</v>
      </c>
      <c r="B27" s="47">
        <v>54.513770252768325</v>
      </c>
      <c r="C27" s="47">
        <v>96.299808007876564</v>
      </c>
      <c r="D27" s="6">
        <v>132.20170790046598</v>
      </c>
    </row>
    <row r="28" spans="1:10" x14ac:dyDescent="0.25">
      <c r="A28" s="5" t="s">
        <v>81</v>
      </c>
      <c r="B28" s="47">
        <v>52.017793460797826</v>
      </c>
      <c r="C28" s="47">
        <v>90.706280590596165</v>
      </c>
      <c r="D28" s="6">
        <v>135.90480464857447</v>
      </c>
    </row>
    <row r="29" spans="1:10" x14ac:dyDescent="0.25">
      <c r="A29" s="5" t="s">
        <v>82</v>
      </c>
      <c r="B29" s="6">
        <v>55.816453812696075</v>
      </c>
      <c r="C29" s="47">
        <v>96.125523173706185</v>
      </c>
      <c r="D29" s="6">
        <v>138.553949585075</v>
      </c>
    </row>
    <row r="30" spans="1:10" x14ac:dyDescent="0.25">
      <c r="A30" s="5" t="s">
        <v>83</v>
      </c>
      <c r="B30" s="6">
        <v>61.818103035235751</v>
      </c>
      <c r="C30" s="6">
        <v>104.32570165637871</v>
      </c>
      <c r="D30" s="6">
        <v>141.4964166894442</v>
      </c>
    </row>
    <row r="31" spans="1:10" x14ac:dyDescent="0.25">
      <c r="A31" s="5" t="s">
        <v>84</v>
      </c>
      <c r="B31" s="6">
        <v>61.643805688558913</v>
      </c>
      <c r="C31" s="6">
        <v>102.46974667629991</v>
      </c>
      <c r="D31" s="6">
        <v>143.55715009583267</v>
      </c>
    </row>
    <row r="32" spans="1:10" x14ac:dyDescent="0.25">
      <c r="A32" s="5" t="s">
        <v>85</v>
      </c>
      <c r="B32" s="6">
        <v>56.404142480078043</v>
      </c>
      <c r="C32" s="6">
        <v>97.283878747333347</v>
      </c>
      <c r="D32" s="6">
        <v>144.72384374513808</v>
      </c>
    </row>
    <row r="33" spans="1:4" x14ac:dyDescent="0.25">
      <c r="A33" s="5" t="s">
        <v>86</v>
      </c>
      <c r="B33" s="6">
        <v>60.969357618043276</v>
      </c>
      <c r="C33" s="6">
        <v>101.59255505461068</v>
      </c>
      <c r="D33" s="6">
        <v>145.91964174127375</v>
      </c>
    </row>
    <row r="34" spans="1:4" x14ac:dyDescent="0.25">
      <c r="A34" s="5" t="s">
        <v>87</v>
      </c>
      <c r="B34" s="6">
        <v>62.774453699988896</v>
      </c>
      <c r="C34" s="6">
        <v>105.9249192155544</v>
      </c>
      <c r="D34" s="6">
        <v>146.55841334086924</v>
      </c>
    </row>
    <row r="35" spans="1:4" x14ac:dyDescent="0.25">
      <c r="A35" s="5" t="s">
        <v>88</v>
      </c>
      <c r="B35" s="6">
        <v>58.989758304942775</v>
      </c>
      <c r="C35" s="6">
        <v>99.624144550363226</v>
      </c>
      <c r="D35" s="6">
        <v>146.7626840944595</v>
      </c>
    </row>
    <row r="36" spans="1:4" x14ac:dyDescent="0.25">
      <c r="A36" s="5" t="s">
        <v>89</v>
      </c>
      <c r="B36" s="6">
        <v>55.013528514024216</v>
      </c>
      <c r="C36" s="6">
        <v>98.798114856762382</v>
      </c>
      <c r="D36" s="6">
        <v>149.4916136222528</v>
      </c>
    </row>
    <row r="37" spans="1:4" x14ac:dyDescent="0.25">
      <c r="A37" s="5" t="s">
        <v>90</v>
      </c>
      <c r="B37" s="6">
        <v>50.954154258782403</v>
      </c>
      <c r="C37" s="6">
        <v>101.45246776321872</v>
      </c>
      <c r="D37" s="6">
        <v>152.10127650104187</v>
      </c>
    </row>
    <row r="38" spans="1:4" x14ac:dyDescent="0.25">
      <c r="A38" s="5" t="s">
        <v>91</v>
      </c>
      <c r="B38" s="6">
        <v>47.600356649743865</v>
      </c>
      <c r="C38" s="6">
        <v>94.742719151350869</v>
      </c>
      <c r="D38" s="6">
        <v>154.25805821699078</v>
      </c>
    </row>
    <row r="39" spans="1:4" x14ac:dyDescent="0.25">
      <c r="A39" s="5" t="s">
        <v>92</v>
      </c>
      <c r="B39" s="6">
        <v>46.607715290427777</v>
      </c>
      <c r="C39" s="6">
        <v>88.046656569243282</v>
      </c>
      <c r="D39" s="6">
        <v>148.86612152921248</v>
      </c>
    </row>
  </sheetData>
  <pageMargins left="0.7" right="0.7" top="0.75" bottom="0.75" header="0.3" footer="0.3"/>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C10C548-9CD9-4F9A-B77E-DED1F7F32438}">
  <dimension ref="A1:J39"/>
  <sheetViews>
    <sheetView workbookViewId="0">
      <selection activeCell="H42" sqref="H42"/>
    </sheetView>
  </sheetViews>
  <sheetFormatPr defaultColWidth="8.6640625" defaultRowHeight="13.2" x14ac:dyDescent="0.25"/>
  <cols>
    <col min="1" max="1" width="16.6640625" style="5" customWidth="1"/>
    <col min="2" max="2" width="28.109375" style="5" customWidth="1"/>
    <col min="3" max="3" width="27.88671875" style="5" bestFit="1" customWidth="1"/>
    <col min="4" max="4" width="18.33203125" style="5" bestFit="1" customWidth="1"/>
    <col min="5" max="7" width="5.5546875" style="5" bestFit="1" customWidth="1"/>
    <col min="8" max="16384" width="8.6640625" style="5"/>
  </cols>
  <sheetData>
    <row r="1" spans="1:10" s="39" customFormat="1" x14ac:dyDescent="0.25">
      <c r="A1" s="37" t="s">
        <v>18</v>
      </c>
      <c r="B1" s="37"/>
      <c r="C1" s="37"/>
    </row>
    <row r="2" spans="1:10" x14ac:dyDescent="0.25">
      <c r="A2" s="35" t="s">
        <v>2</v>
      </c>
      <c r="B2" s="5" t="s">
        <v>19</v>
      </c>
    </row>
    <row r="3" spans="1:10" x14ac:dyDescent="0.25">
      <c r="A3" s="35" t="s">
        <v>102</v>
      </c>
      <c r="B3" s="5" t="s">
        <v>122</v>
      </c>
    </row>
    <row r="4" spans="1:10" x14ac:dyDescent="0.25">
      <c r="A4" s="35" t="s">
        <v>103</v>
      </c>
      <c r="B4" s="5" t="s">
        <v>123</v>
      </c>
    </row>
    <row r="5" spans="1:10" x14ac:dyDescent="0.25">
      <c r="A5" s="35" t="s">
        <v>3</v>
      </c>
      <c r="B5" s="5" t="s">
        <v>124</v>
      </c>
    </row>
    <row r="7" spans="1:10" s="42" customFormat="1" x14ac:dyDescent="0.25">
      <c r="A7" s="41" t="s">
        <v>59</v>
      </c>
    </row>
    <row r="8" spans="1:10" x14ac:dyDescent="0.25">
      <c r="B8" s="43"/>
      <c r="C8" s="44"/>
      <c r="D8" s="45"/>
      <c r="E8" s="34"/>
      <c r="F8" s="34"/>
      <c r="G8" s="34"/>
    </row>
    <row r="9" spans="1:10" x14ac:dyDescent="0.25">
      <c r="A9" s="34" t="s">
        <v>60</v>
      </c>
      <c r="B9" s="40"/>
      <c r="C9" s="46"/>
      <c r="D9" s="43"/>
      <c r="E9" s="40"/>
      <c r="F9" s="43"/>
      <c r="G9" s="43"/>
    </row>
    <row r="10" spans="1:10" x14ac:dyDescent="0.25">
      <c r="B10" s="40" t="s">
        <v>125</v>
      </c>
      <c r="C10" s="46" t="s">
        <v>126</v>
      </c>
      <c r="D10" s="40" t="s">
        <v>127</v>
      </c>
      <c r="E10" s="40"/>
      <c r="F10" s="40"/>
      <c r="G10" s="40"/>
      <c r="I10" s="36"/>
      <c r="J10" s="36"/>
    </row>
    <row r="11" spans="1:10" x14ac:dyDescent="0.25">
      <c r="A11" s="5" t="s">
        <v>64</v>
      </c>
      <c r="B11" s="47">
        <v>100</v>
      </c>
      <c r="C11" s="47">
        <v>100</v>
      </c>
      <c r="D11" s="47">
        <v>100</v>
      </c>
      <c r="E11" s="43"/>
      <c r="F11" s="43"/>
      <c r="G11" s="43"/>
      <c r="I11" s="36"/>
      <c r="J11" s="36"/>
    </row>
    <row r="12" spans="1:10" x14ac:dyDescent="0.25">
      <c r="A12" s="5" t="s">
        <v>65</v>
      </c>
      <c r="B12" s="47">
        <v>107.42069492697803</v>
      </c>
      <c r="C12" s="48">
        <v>103.98924940356198</v>
      </c>
      <c r="D12" s="49">
        <v>103.3599397391438</v>
      </c>
      <c r="E12" s="50"/>
      <c r="F12" s="51"/>
      <c r="G12" s="51"/>
      <c r="I12" s="36"/>
      <c r="J12" s="36"/>
    </row>
    <row r="13" spans="1:10" x14ac:dyDescent="0.25">
      <c r="A13" s="5" t="s">
        <v>66</v>
      </c>
      <c r="B13" s="47">
        <v>107.02225914885781</v>
      </c>
      <c r="C13" s="48">
        <v>103.38552965199015</v>
      </c>
      <c r="D13" s="49">
        <v>105.0898993332563</v>
      </c>
      <c r="E13" s="50"/>
      <c r="F13" s="51"/>
      <c r="G13" s="51"/>
      <c r="I13" s="36"/>
      <c r="J13" s="36"/>
    </row>
    <row r="14" spans="1:10" x14ac:dyDescent="0.25">
      <c r="A14" s="5" t="s">
        <v>67</v>
      </c>
      <c r="B14" s="47">
        <v>114.56183020538016</v>
      </c>
      <c r="C14" s="48">
        <v>106.07097043427744</v>
      </c>
      <c r="D14" s="49">
        <v>105.13755881086513</v>
      </c>
      <c r="E14" s="50"/>
      <c r="F14" s="51"/>
      <c r="G14" s="51"/>
      <c r="I14" s="36"/>
      <c r="J14" s="36"/>
    </row>
    <row r="15" spans="1:10" x14ac:dyDescent="0.25">
      <c r="A15" s="5" t="s">
        <v>68</v>
      </c>
      <c r="B15" s="47">
        <v>116.96295385482823</v>
      </c>
      <c r="C15" s="49">
        <v>110.90929947153039</v>
      </c>
      <c r="D15" s="49">
        <v>103.14579263552272</v>
      </c>
      <c r="E15" s="50"/>
      <c r="F15" s="51"/>
      <c r="G15" s="51"/>
      <c r="I15" s="36"/>
      <c r="J15" s="36"/>
    </row>
    <row r="16" spans="1:10" x14ac:dyDescent="0.25">
      <c r="A16" s="5" t="s">
        <v>69</v>
      </c>
      <c r="B16" s="47">
        <v>119.99475997573208</v>
      </c>
      <c r="C16" s="52">
        <v>102.94062362385066</v>
      </c>
      <c r="D16" s="49">
        <v>102.78582921377159</v>
      </c>
      <c r="E16" s="50"/>
      <c r="F16" s="51"/>
      <c r="G16" s="51"/>
      <c r="I16" s="36"/>
      <c r="J16" s="36"/>
    </row>
    <row r="17" spans="1:10" x14ac:dyDescent="0.25">
      <c r="A17" s="5" t="s">
        <v>70</v>
      </c>
      <c r="B17" s="47">
        <v>67.008240287671356</v>
      </c>
      <c r="C17" s="48">
        <v>93.978755447785858</v>
      </c>
      <c r="D17" s="49">
        <v>78.233331311825822</v>
      </c>
      <c r="E17" s="50"/>
      <c r="F17" s="51"/>
      <c r="G17" s="51"/>
      <c r="I17" s="36"/>
      <c r="J17" s="36"/>
    </row>
    <row r="18" spans="1:10" x14ac:dyDescent="0.25">
      <c r="A18" s="5" t="s">
        <v>71</v>
      </c>
      <c r="B18" s="47">
        <v>99.833100152907733</v>
      </c>
      <c r="C18" s="48">
        <v>110.16260669082072</v>
      </c>
      <c r="D18" s="49">
        <v>102.1087104491252</v>
      </c>
      <c r="E18" s="50"/>
      <c r="F18" s="51"/>
      <c r="G18" s="51"/>
    </row>
    <row r="19" spans="1:10" x14ac:dyDescent="0.25">
      <c r="A19" s="5" t="s">
        <v>72</v>
      </c>
      <c r="B19" s="47">
        <v>91.44755315288279</v>
      </c>
      <c r="C19" s="48">
        <v>109.60006513198977</v>
      </c>
      <c r="D19" s="49">
        <v>95.130357749630122</v>
      </c>
      <c r="E19" s="50"/>
      <c r="F19" s="51"/>
      <c r="G19" s="51"/>
    </row>
    <row r="20" spans="1:10" x14ac:dyDescent="0.25">
      <c r="A20" s="5" t="s">
        <v>73</v>
      </c>
      <c r="B20" s="47">
        <v>94.552819753524744</v>
      </c>
      <c r="C20" s="48">
        <v>109.03075212632052</v>
      </c>
      <c r="D20" s="49">
        <v>95.477884756757831</v>
      </c>
      <c r="E20" s="50"/>
      <c r="F20" s="51"/>
      <c r="G20" s="51"/>
    </row>
    <row r="21" spans="1:10" x14ac:dyDescent="0.25">
      <c r="A21" s="5" t="s">
        <v>74</v>
      </c>
      <c r="B21" s="47">
        <v>103.8460725826218</v>
      </c>
      <c r="C21" s="48">
        <v>107.28507864351488</v>
      </c>
      <c r="D21" s="49">
        <v>93.445793358831651</v>
      </c>
      <c r="E21" s="50"/>
      <c r="F21" s="51"/>
      <c r="G21" s="51"/>
    </row>
    <row r="22" spans="1:10" x14ac:dyDescent="0.25">
      <c r="A22" s="5" t="s">
        <v>75</v>
      </c>
      <c r="B22" s="47">
        <v>95.70878616148525</v>
      </c>
      <c r="C22" s="48">
        <v>112.36573762602305</v>
      </c>
      <c r="D22" s="49">
        <v>93.597835040496378</v>
      </c>
      <c r="E22" s="51"/>
      <c r="F22" s="51"/>
      <c r="G22" s="51"/>
    </row>
    <row r="23" spans="1:10" x14ac:dyDescent="0.25">
      <c r="A23" s="5" t="s">
        <v>76</v>
      </c>
      <c r="B23" s="47">
        <v>93.925463275136039</v>
      </c>
      <c r="C23" s="52">
        <v>106.01437586038487</v>
      </c>
      <c r="D23" s="49">
        <v>92.229748780690585</v>
      </c>
      <c r="E23" s="51"/>
      <c r="F23" s="51"/>
      <c r="G23" s="51"/>
    </row>
    <row r="24" spans="1:10" x14ac:dyDescent="0.25">
      <c r="A24" s="5" t="s">
        <v>77</v>
      </c>
      <c r="B24" s="47">
        <v>78.633456539091526</v>
      </c>
      <c r="C24" s="75">
        <v>106.7331962614513</v>
      </c>
      <c r="D24" s="6">
        <v>84.435968288916371</v>
      </c>
    </row>
    <row r="25" spans="1:10" x14ac:dyDescent="0.25">
      <c r="A25" s="5" t="s">
        <v>78</v>
      </c>
      <c r="B25" s="47">
        <v>97.800058043071914</v>
      </c>
      <c r="C25" s="47">
        <v>112.11828815825152</v>
      </c>
      <c r="D25" s="6">
        <v>91.383048057902954</v>
      </c>
    </row>
    <row r="26" spans="1:10" x14ac:dyDescent="0.25">
      <c r="A26" s="5" t="s">
        <v>79</v>
      </c>
      <c r="B26" s="47">
        <v>90.115895927254115</v>
      </c>
      <c r="C26" s="47">
        <v>115.53440938276005</v>
      </c>
      <c r="D26" s="6">
        <v>93.899301054857759</v>
      </c>
    </row>
    <row r="27" spans="1:10" x14ac:dyDescent="0.25">
      <c r="A27" s="5" t="s">
        <v>80</v>
      </c>
      <c r="B27" s="47">
        <v>97.643546950017566</v>
      </c>
      <c r="C27" s="47">
        <v>114.88180337660383</v>
      </c>
      <c r="D27" s="6">
        <v>96.299808007876564</v>
      </c>
    </row>
    <row r="28" spans="1:10" x14ac:dyDescent="0.25">
      <c r="A28" s="5" t="s">
        <v>81</v>
      </c>
      <c r="B28" s="6">
        <v>88.946907448229339</v>
      </c>
      <c r="C28" s="47">
        <v>111.27161188268921</v>
      </c>
      <c r="D28" s="6">
        <v>90.706280590596165</v>
      </c>
    </row>
    <row r="29" spans="1:10" x14ac:dyDescent="0.25">
      <c r="A29" s="5" t="s">
        <v>82</v>
      </c>
      <c r="B29" s="6">
        <v>88.359775145425473</v>
      </c>
      <c r="C29" s="6">
        <v>121.18337608739451</v>
      </c>
      <c r="D29" s="6">
        <v>96.125523173706185</v>
      </c>
    </row>
    <row r="30" spans="1:10" x14ac:dyDescent="0.25">
      <c r="A30" s="5" t="s">
        <v>83</v>
      </c>
      <c r="B30" s="6">
        <v>108.39903274581017</v>
      </c>
      <c r="C30" s="6">
        <v>126.87414846754162</v>
      </c>
      <c r="D30" s="6">
        <v>104.32570165637871</v>
      </c>
    </row>
    <row r="31" spans="1:10" x14ac:dyDescent="0.25">
      <c r="A31" s="5" t="s">
        <v>84</v>
      </c>
      <c r="B31" s="6">
        <v>100.87690024074578</v>
      </c>
      <c r="C31" s="6">
        <v>126.44416953990556</v>
      </c>
      <c r="D31" s="6">
        <v>102.46974667629991</v>
      </c>
    </row>
    <row r="32" spans="1:10" x14ac:dyDescent="0.25">
      <c r="A32" s="5" t="s">
        <v>85</v>
      </c>
      <c r="B32" s="6">
        <v>89.027427164998926</v>
      </c>
      <c r="C32" s="6">
        <v>127.2237603715016</v>
      </c>
      <c r="D32" s="6">
        <v>97.283878747333347</v>
      </c>
    </row>
    <row r="33" spans="1:4" x14ac:dyDescent="0.25">
      <c r="A33" s="5" t="s">
        <v>86</v>
      </c>
      <c r="B33" s="6">
        <v>100.70899810136204</v>
      </c>
      <c r="C33" s="6">
        <v>124.21095598958274</v>
      </c>
      <c r="D33" s="6">
        <v>101.59255505461068</v>
      </c>
    </row>
    <row r="34" spans="1:4" x14ac:dyDescent="0.25">
      <c r="A34" s="5" t="s">
        <v>87</v>
      </c>
      <c r="B34" s="6">
        <v>116.44390965741044</v>
      </c>
      <c r="C34" s="6">
        <v>123.8052585528107</v>
      </c>
      <c r="D34" s="6">
        <v>105.9249192155544</v>
      </c>
    </row>
    <row r="35" spans="1:4" x14ac:dyDescent="0.25">
      <c r="A35" s="5" t="s">
        <v>88</v>
      </c>
      <c r="B35" s="6">
        <v>105.32519653180547</v>
      </c>
      <c r="C35" s="6">
        <v>119.94688392439181</v>
      </c>
      <c r="D35" s="6">
        <v>99.624144550363226</v>
      </c>
    </row>
    <row r="36" spans="1:4" x14ac:dyDescent="0.25">
      <c r="A36" s="5" t="s">
        <v>89</v>
      </c>
      <c r="B36" s="6">
        <v>102.87571474901773</v>
      </c>
      <c r="C36" s="6">
        <v>116.33658620398977</v>
      </c>
      <c r="D36" s="6">
        <v>98.798114856762382</v>
      </c>
    </row>
    <row r="37" spans="1:4" x14ac:dyDescent="0.25">
      <c r="A37" s="5" t="s">
        <v>90</v>
      </c>
      <c r="B37" s="6">
        <v>108.00642906626199</v>
      </c>
      <c r="C37" s="6">
        <v>116.69746965312923</v>
      </c>
      <c r="D37" s="6">
        <v>101.45246776321872</v>
      </c>
    </row>
    <row r="38" spans="1:4" x14ac:dyDescent="0.25">
      <c r="A38" s="5" t="s">
        <v>91</v>
      </c>
      <c r="B38" s="6">
        <v>94.08841276205915</v>
      </c>
      <c r="C38" s="6">
        <v>120.44838644904836</v>
      </c>
      <c r="D38" s="6">
        <v>94.742719151350869</v>
      </c>
    </row>
    <row r="39" spans="1:4" x14ac:dyDescent="0.25">
      <c r="A39" s="5" t="s">
        <v>92</v>
      </c>
      <c r="B39" s="6">
        <v>91.265782774388626</v>
      </c>
      <c r="C39" s="6">
        <v>113.81714345048108</v>
      </c>
      <c r="D39" s="6">
        <v>88.046656569243282</v>
      </c>
    </row>
  </sheetData>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EEC06A-3470-422C-98D2-36F3180D3974}">
  <dimension ref="A1:J57"/>
  <sheetViews>
    <sheetView workbookViewId="0">
      <selection activeCell="B6" sqref="B6"/>
    </sheetView>
  </sheetViews>
  <sheetFormatPr defaultColWidth="8.6640625" defaultRowHeight="13.2" x14ac:dyDescent="0.25"/>
  <cols>
    <col min="1" max="1" width="16.6640625" style="5" customWidth="1"/>
    <col min="2" max="2" width="18.33203125" style="5" customWidth="1"/>
    <col min="3" max="3" width="17.6640625" style="5" bestFit="1" customWidth="1"/>
    <col min="4" max="4" width="22.6640625" style="5" bestFit="1" customWidth="1"/>
    <col min="5" max="5" width="10.33203125" style="5" bestFit="1" customWidth="1"/>
    <col min="6" max="7" width="5.5546875" style="5" bestFit="1" customWidth="1"/>
    <col min="8" max="16384" width="8.6640625" style="5"/>
  </cols>
  <sheetData>
    <row r="1" spans="1:10" s="39" customFormat="1" x14ac:dyDescent="0.25">
      <c r="A1" s="37" t="s">
        <v>20</v>
      </c>
      <c r="B1" s="37"/>
      <c r="C1" s="37"/>
    </row>
    <row r="2" spans="1:10" x14ac:dyDescent="0.25">
      <c r="A2" s="35" t="s">
        <v>2</v>
      </c>
      <c r="B2" s="5" t="s">
        <v>21</v>
      </c>
    </row>
    <row r="3" spans="1:10" x14ac:dyDescent="0.25">
      <c r="A3" s="35" t="s">
        <v>102</v>
      </c>
      <c r="B3" s="5" t="s">
        <v>128</v>
      </c>
    </row>
    <row r="4" spans="1:10" x14ac:dyDescent="0.25">
      <c r="A4" s="35" t="s">
        <v>103</v>
      </c>
      <c r="B4" t="s">
        <v>129</v>
      </c>
    </row>
    <row r="5" spans="1:10" x14ac:dyDescent="0.25">
      <c r="A5" s="35" t="s">
        <v>3</v>
      </c>
      <c r="B5" s="5" t="s">
        <v>130</v>
      </c>
    </row>
    <row r="7" spans="1:10" s="42" customFormat="1" x14ac:dyDescent="0.25">
      <c r="A7" s="41" t="s">
        <v>59</v>
      </c>
    </row>
    <row r="8" spans="1:10" x14ac:dyDescent="0.25">
      <c r="A8" s="34"/>
    </row>
    <row r="9" spans="1:10" x14ac:dyDescent="0.25">
      <c r="A9" s="43" t="s">
        <v>131</v>
      </c>
      <c r="C9" s="61"/>
      <c r="D9" s="45"/>
      <c r="E9" s="34"/>
      <c r="F9" s="34"/>
      <c r="G9" s="34"/>
    </row>
    <row r="10" spans="1:10" x14ac:dyDescent="0.25">
      <c r="B10" s="40" t="s">
        <v>127</v>
      </c>
      <c r="C10" s="46" t="s">
        <v>132</v>
      </c>
      <c r="D10" s="40" t="s">
        <v>133</v>
      </c>
      <c r="E10" s="40"/>
      <c r="F10" s="43"/>
      <c r="G10" s="43"/>
    </row>
    <row r="11" spans="1:10" x14ac:dyDescent="0.25">
      <c r="A11" s="5" t="s">
        <v>71</v>
      </c>
      <c r="B11" s="47">
        <v>100</v>
      </c>
      <c r="C11" s="47">
        <v>100</v>
      </c>
      <c r="D11" s="47">
        <v>100</v>
      </c>
      <c r="E11" s="40"/>
      <c r="F11" s="40"/>
      <c r="G11" s="40"/>
      <c r="I11" s="36"/>
      <c r="J11" s="36"/>
    </row>
    <row r="12" spans="1:10" x14ac:dyDescent="0.25">
      <c r="A12" s="5" t="s">
        <v>72</v>
      </c>
      <c r="B12" s="47">
        <v>100.2823712560954</v>
      </c>
      <c r="C12" s="47">
        <v>98.038840038427608</v>
      </c>
      <c r="D12" s="47">
        <v>109.973274984399</v>
      </c>
      <c r="E12" s="43"/>
      <c r="F12" s="43"/>
      <c r="G12" s="43"/>
      <c r="I12" s="36"/>
      <c r="J12" s="36"/>
    </row>
    <row r="13" spans="1:10" x14ac:dyDescent="0.25">
      <c r="A13" s="5" t="s">
        <v>73</v>
      </c>
      <c r="B13" s="47">
        <v>93.050864119766985</v>
      </c>
      <c r="C13" s="48">
        <v>87.806447509861897</v>
      </c>
      <c r="D13" s="49">
        <v>111.03566738967965</v>
      </c>
      <c r="E13" s="50"/>
      <c r="F13" s="51"/>
      <c r="G13" s="51"/>
      <c r="I13" s="36"/>
      <c r="J13" s="36"/>
    </row>
    <row r="14" spans="1:10" x14ac:dyDescent="0.25">
      <c r="A14" s="5" t="s">
        <v>74</v>
      </c>
      <c r="B14" s="47">
        <v>95.626598738815275</v>
      </c>
      <c r="C14" s="48">
        <v>87.291589429829799</v>
      </c>
      <c r="D14" s="49">
        <v>120.30731844315325</v>
      </c>
      <c r="E14" s="50"/>
      <c r="F14" s="51"/>
      <c r="G14" s="51"/>
      <c r="I14" s="36"/>
      <c r="J14" s="36"/>
    </row>
    <row r="15" spans="1:10" x14ac:dyDescent="0.25">
      <c r="A15" s="5" t="s">
        <v>75</v>
      </c>
      <c r="B15" s="47">
        <v>93.401373999454108</v>
      </c>
      <c r="C15" s="48">
        <v>84.035902160351256</v>
      </c>
      <c r="D15" s="49">
        <v>123.98218141755572</v>
      </c>
      <c r="E15" s="50"/>
      <c r="F15" s="51"/>
      <c r="G15" s="51"/>
      <c r="I15" s="36"/>
      <c r="J15" s="36"/>
    </row>
    <row r="16" spans="1:10" x14ac:dyDescent="0.25">
      <c r="A16" s="5" t="s">
        <v>76</v>
      </c>
      <c r="B16" s="47">
        <v>86.811463290561079</v>
      </c>
      <c r="C16" s="49">
        <v>80.156345081063492</v>
      </c>
      <c r="D16" s="49">
        <v>107.47349031389255</v>
      </c>
      <c r="E16" s="50"/>
      <c r="F16" s="51"/>
      <c r="G16" s="51"/>
      <c r="I16" s="36"/>
      <c r="J16" s="36"/>
    </row>
    <row r="17" spans="1:10" x14ac:dyDescent="0.25">
      <c r="A17" s="5" t="s">
        <v>77</v>
      </c>
      <c r="B17" s="47">
        <v>75.840363942329788</v>
      </c>
      <c r="C17" s="52">
        <v>71.846063197117033</v>
      </c>
      <c r="D17" s="49">
        <v>86.831921078686108</v>
      </c>
      <c r="E17" s="50"/>
      <c r="F17" s="51"/>
      <c r="G17" s="51"/>
      <c r="I17" s="36"/>
      <c r="J17" s="36"/>
    </row>
    <row r="18" spans="1:10" x14ac:dyDescent="0.25">
      <c r="A18" s="5" t="s">
        <v>78</v>
      </c>
      <c r="B18" s="47">
        <v>78.047621996256296</v>
      </c>
      <c r="C18" s="48">
        <v>71.902056030834345</v>
      </c>
      <c r="D18" s="49">
        <v>96.159288714090707</v>
      </c>
      <c r="E18" s="50"/>
      <c r="F18" s="51"/>
      <c r="G18" s="51"/>
      <c r="I18" s="36"/>
      <c r="J18" s="36"/>
    </row>
    <row r="19" spans="1:10" x14ac:dyDescent="0.25">
      <c r="A19" s="5" t="s">
        <v>79</v>
      </c>
      <c r="B19" s="47">
        <v>75.720882865164882</v>
      </c>
      <c r="C19" s="48">
        <v>73.029339396618823</v>
      </c>
      <c r="D19" s="49">
        <v>87.38771402880171</v>
      </c>
      <c r="E19" s="50"/>
      <c r="F19" s="51"/>
      <c r="G19" s="51"/>
    </row>
    <row r="20" spans="1:10" x14ac:dyDescent="0.25">
      <c r="A20" s="5" t="s">
        <v>80</v>
      </c>
      <c r="B20" s="47">
        <v>76.952117839485268</v>
      </c>
      <c r="C20" s="48">
        <v>69.122440319933787</v>
      </c>
      <c r="D20" s="49">
        <v>105.69582220942844</v>
      </c>
      <c r="E20" s="50"/>
      <c r="F20" s="51"/>
      <c r="G20" s="51"/>
    </row>
    <row r="21" spans="1:10" x14ac:dyDescent="0.25">
      <c r="A21" s="5" t="s">
        <v>81</v>
      </c>
      <c r="B21" s="47">
        <v>73.42877503399329</v>
      </c>
      <c r="C21" s="48">
        <v>63.215262676359693</v>
      </c>
      <c r="D21" s="49">
        <v>103.80245551207641</v>
      </c>
      <c r="E21" s="50"/>
      <c r="F21" s="51"/>
      <c r="G21" s="51"/>
    </row>
    <row r="22" spans="1:10" x14ac:dyDescent="0.25">
      <c r="A22" s="5" t="s">
        <v>82</v>
      </c>
      <c r="B22" s="47">
        <v>78.790997416999531</v>
      </c>
      <c r="C22" s="48">
        <v>66.124974357251432</v>
      </c>
      <c r="D22" s="49">
        <v>120.04353217553512</v>
      </c>
      <c r="E22" s="50"/>
      <c r="F22" s="51"/>
      <c r="G22" s="51"/>
    </row>
    <row r="23" spans="1:10" x14ac:dyDescent="0.25">
      <c r="A23" s="5" t="s">
        <v>83</v>
      </c>
      <c r="B23" s="47">
        <v>87.262978277297393</v>
      </c>
      <c r="C23" s="48">
        <v>71.253124942685716</v>
      </c>
      <c r="D23" s="49">
        <v>134.03309305695618</v>
      </c>
      <c r="E23" s="51"/>
      <c r="F23" s="51"/>
      <c r="G23" s="51"/>
    </row>
    <row r="24" spans="1:10" x14ac:dyDescent="0.25">
      <c r="A24" s="5" t="s">
        <v>84</v>
      </c>
      <c r="B24" s="47">
        <v>87.016938608817412</v>
      </c>
      <c r="C24" s="52">
        <v>70.435255346503396</v>
      </c>
      <c r="D24" s="49">
        <v>131.0351284000202</v>
      </c>
      <c r="E24" s="51"/>
      <c r="F24" s="51"/>
      <c r="G24" s="51"/>
    </row>
    <row r="25" spans="1:10" x14ac:dyDescent="0.25">
      <c r="A25" s="5" t="s">
        <v>85</v>
      </c>
      <c r="B25" s="47">
        <v>79.620583911854212</v>
      </c>
      <c r="C25" s="53">
        <v>66.834028206856075</v>
      </c>
      <c r="D25" s="6">
        <v>110.89328365995428</v>
      </c>
    </row>
    <row r="26" spans="1:10" x14ac:dyDescent="0.25">
      <c r="A26" s="5" t="s">
        <v>86</v>
      </c>
      <c r="B26" s="47">
        <v>86.064881776969543</v>
      </c>
      <c r="C26" s="47">
        <v>63.880655874400716</v>
      </c>
      <c r="D26" s="6">
        <v>135.23955514000886</v>
      </c>
    </row>
    <row r="27" spans="1:10" x14ac:dyDescent="0.25">
      <c r="A27" s="5" t="s">
        <v>87</v>
      </c>
      <c r="B27" s="47">
        <v>88.612971292066305</v>
      </c>
      <c r="C27" s="47">
        <v>68.789262165705509</v>
      </c>
      <c r="D27" s="6">
        <v>130.4229699565941</v>
      </c>
    </row>
    <row r="28" spans="1:10" x14ac:dyDescent="0.25">
      <c r="A28" s="5" t="s">
        <v>88</v>
      </c>
      <c r="B28" s="47">
        <v>83.270461965051695</v>
      </c>
      <c r="C28" s="47">
        <v>69.666127742636803</v>
      </c>
      <c r="D28" s="6">
        <v>110.2240616488469</v>
      </c>
    </row>
    <row r="29" spans="1:10" x14ac:dyDescent="0.25">
      <c r="A29" s="5" t="s">
        <v>89</v>
      </c>
      <c r="B29" s="6">
        <v>77.657580999217231</v>
      </c>
      <c r="C29" s="47">
        <v>62.826362397344383</v>
      </c>
      <c r="D29" s="6">
        <v>107.23042395124213</v>
      </c>
    </row>
    <row r="30" spans="1:10" x14ac:dyDescent="0.25">
      <c r="A30" s="5" t="s">
        <v>90</v>
      </c>
      <c r="B30" s="6">
        <v>71.927332575827762</v>
      </c>
      <c r="C30" s="6">
        <v>61.011237089090031</v>
      </c>
      <c r="D30" s="6">
        <v>95.0939093510014</v>
      </c>
    </row>
    <row r="31" spans="1:10" x14ac:dyDescent="0.25">
      <c r="A31" s="5" t="s">
        <v>91</v>
      </c>
      <c r="B31" s="6">
        <v>67.193082355675145</v>
      </c>
      <c r="C31" s="6">
        <v>65.723513112528437</v>
      </c>
      <c r="D31" s="6">
        <v>70.44073492220349</v>
      </c>
    </row>
    <row r="32" spans="1:10" x14ac:dyDescent="0.25">
      <c r="A32" s="5" t="s">
        <v>92</v>
      </c>
      <c r="B32" s="6">
        <v>65.791861077083453</v>
      </c>
      <c r="C32" s="6">
        <v>61.309421570227585</v>
      </c>
      <c r="D32" s="6">
        <v>75.51787557165656</v>
      </c>
    </row>
    <row r="34" spans="1:5" x14ac:dyDescent="0.25">
      <c r="A34" s="34" t="s">
        <v>134</v>
      </c>
    </row>
    <row r="35" spans="1:5" x14ac:dyDescent="0.25">
      <c r="A35" s="34"/>
      <c r="B35" s="5" t="s">
        <v>135</v>
      </c>
      <c r="C35" s="5" t="s">
        <v>127</v>
      </c>
      <c r="D35" s="5" t="s">
        <v>132</v>
      </c>
      <c r="E35" s="40" t="s">
        <v>133</v>
      </c>
    </row>
    <row r="36" spans="1:5" x14ac:dyDescent="0.25">
      <c r="A36" s="5" t="s">
        <v>71</v>
      </c>
      <c r="B36" s="5">
        <v>100</v>
      </c>
      <c r="C36" s="5">
        <v>100</v>
      </c>
      <c r="D36" s="5">
        <v>100</v>
      </c>
      <c r="E36" s="5">
        <v>100</v>
      </c>
    </row>
    <row r="37" spans="1:5" x14ac:dyDescent="0.25">
      <c r="A37" s="5" t="s">
        <v>72</v>
      </c>
      <c r="B37" s="6">
        <v>100.68131285749182</v>
      </c>
      <c r="C37" s="6">
        <v>93.165761599768729</v>
      </c>
      <c r="D37" s="6">
        <v>89.168782731187051</v>
      </c>
      <c r="E37" s="6">
        <v>103.83801431411203</v>
      </c>
    </row>
    <row r="38" spans="1:5" x14ac:dyDescent="0.25">
      <c r="A38" s="5" t="s">
        <v>73</v>
      </c>
      <c r="B38" s="6">
        <v>103.54170180086761</v>
      </c>
      <c r="C38" s="6">
        <v>93.506111610653321</v>
      </c>
      <c r="D38" s="6">
        <v>87.642414815835735</v>
      </c>
      <c r="E38" s="6">
        <v>107.85692413248469</v>
      </c>
    </row>
    <row r="39" spans="1:5" x14ac:dyDescent="0.25">
      <c r="A39" s="5" t="s">
        <v>74</v>
      </c>
      <c r="B39" s="6">
        <v>104.01506324097518</v>
      </c>
      <c r="C39" s="6">
        <v>91.515986195311143</v>
      </c>
      <c r="D39" s="6">
        <v>85.945404587370007</v>
      </c>
      <c r="E39" s="6">
        <v>102.58872463739432</v>
      </c>
    </row>
    <row r="40" spans="1:5" x14ac:dyDescent="0.25">
      <c r="A40" s="5" t="s">
        <v>75</v>
      </c>
      <c r="B40" s="6">
        <v>104.84183318646585</v>
      </c>
      <c r="C40" s="6">
        <v>91.664887969700402</v>
      </c>
      <c r="D40" s="6">
        <v>86.52619349929563</v>
      </c>
      <c r="E40" s="6">
        <v>105.00391237686941</v>
      </c>
    </row>
    <row r="41" spans="1:5" x14ac:dyDescent="0.25">
      <c r="A41" s="5" t="s">
        <v>76</v>
      </c>
      <c r="B41" s="6">
        <v>105.70497667329677</v>
      </c>
      <c r="C41" s="6">
        <v>90.325054909633081</v>
      </c>
      <c r="D41" s="6">
        <v>87.733613626874941</v>
      </c>
      <c r="E41" s="6">
        <v>92.388279456852416</v>
      </c>
    </row>
    <row r="42" spans="1:5" x14ac:dyDescent="0.25">
      <c r="A42" s="5" t="s">
        <v>77</v>
      </c>
      <c r="B42" s="6">
        <v>106.37948667099455</v>
      </c>
      <c r="C42" s="6">
        <v>82.692228623321881</v>
      </c>
      <c r="D42" s="6">
        <v>82.14139076633009</v>
      </c>
      <c r="E42" s="6">
        <v>78.240863134561806</v>
      </c>
    </row>
    <row r="43" spans="1:5" x14ac:dyDescent="0.25">
      <c r="A43" s="5" t="s">
        <v>78</v>
      </c>
      <c r="B43" s="6">
        <v>107.57590205155046</v>
      </c>
      <c r="C43" s="6">
        <v>89.495839929771506</v>
      </c>
      <c r="D43" s="6">
        <v>85.550938056520792</v>
      </c>
      <c r="E43" s="6">
        <v>94.222632579812966</v>
      </c>
    </row>
    <row r="44" spans="1:5" x14ac:dyDescent="0.25">
      <c r="A44" s="5" t="s">
        <v>79</v>
      </c>
      <c r="B44" s="6">
        <v>110.14271277248974</v>
      </c>
      <c r="C44" s="6">
        <v>91.960128222011278</v>
      </c>
      <c r="D44" s="6">
        <v>89.142703397874072</v>
      </c>
      <c r="E44" s="6">
        <v>98.491312845816068</v>
      </c>
    </row>
    <row r="45" spans="1:5" x14ac:dyDescent="0.25">
      <c r="A45" s="5" t="s">
        <v>80</v>
      </c>
      <c r="B45" s="6">
        <v>109.85999959584336</v>
      </c>
      <c r="C45" s="6">
        <v>94.311060813814834</v>
      </c>
      <c r="D45" s="6">
        <v>86.053883003333127</v>
      </c>
      <c r="E45" s="6">
        <v>115.046063559337</v>
      </c>
    </row>
    <row r="46" spans="1:5" x14ac:dyDescent="0.25">
      <c r="A46" s="5" t="s">
        <v>81</v>
      </c>
      <c r="B46" s="6">
        <v>112.9372836469455</v>
      </c>
      <c r="C46" s="6">
        <v>88.833048808103214</v>
      </c>
      <c r="D46" s="6">
        <v>79.29766217476805</v>
      </c>
      <c r="E46" s="6">
        <v>108.89161837484255</v>
      </c>
    </row>
    <row r="47" spans="1:5" x14ac:dyDescent="0.25">
      <c r="A47" s="5" t="s">
        <v>82</v>
      </c>
      <c r="B47" s="6">
        <v>115.13873071049174</v>
      </c>
      <c r="C47" s="6">
        <v>94.140375244088432</v>
      </c>
      <c r="D47" s="6">
        <v>79.842272172399007</v>
      </c>
      <c r="E47" s="6">
        <v>130.71993437975667</v>
      </c>
    </row>
    <row r="48" spans="1:5" x14ac:dyDescent="0.25">
      <c r="A48" s="5" t="s">
        <v>83</v>
      </c>
      <c r="B48" s="6">
        <v>117.58392933939422</v>
      </c>
      <c r="C48" s="6">
        <v>102.1712067437754</v>
      </c>
      <c r="D48" s="6">
        <v>83.788252544626999</v>
      </c>
      <c r="E48" s="6">
        <v>145.49745858219038</v>
      </c>
    </row>
    <row r="49" spans="1:5" x14ac:dyDescent="0.25">
      <c r="A49" s="5" t="s">
        <v>84</v>
      </c>
      <c r="B49" s="6">
        <v>119.29640472861858</v>
      </c>
      <c r="C49" s="6">
        <v>100.35358024363121</v>
      </c>
      <c r="D49" s="6">
        <v>83.065223426881715</v>
      </c>
      <c r="E49" s="6">
        <v>137.22172592839721</v>
      </c>
    </row>
    <row r="50" spans="1:5" x14ac:dyDescent="0.25">
      <c r="A50" s="5" t="s">
        <v>85</v>
      </c>
      <c r="B50" s="6">
        <v>120.2659305076476</v>
      </c>
      <c r="C50" s="6">
        <v>95.27480889674365</v>
      </c>
      <c r="D50" s="6">
        <v>74.171924633146133</v>
      </c>
      <c r="E50" s="6">
        <v>136.96537319773162</v>
      </c>
    </row>
    <row r="51" spans="1:5" x14ac:dyDescent="0.25">
      <c r="A51" s="5" t="s">
        <v>86</v>
      </c>
      <c r="B51" s="6">
        <v>121.25964208262272</v>
      </c>
      <c r="C51" s="6">
        <v>99.494504051374065</v>
      </c>
      <c r="D51" s="6">
        <v>75.259794852373275</v>
      </c>
      <c r="E51" s="6">
        <v>143.097653165444</v>
      </c>
    </row>
    <row r="52" spans="1:5" x14ac:dyDescent="0.25">
      <c r="A52" s="5" t="s">
        <v>87</v>
      </c>
      <c r="B52" s="6">
        <v>121.790463119566</v>
      </c>
      <c r="C52" s="6">
        <v>103.73739786708069</v>
      </c>
      <c r="D52" s="6">
        <v>79.291825718385113</v>
      </c>
      <c r="E52" s="6">
        <v>144.94864577009818</v>
      </c>
    </row>
    <row r="53" spans="1:5" x14ac:dyDescent="0.25">
      <c r="A53" s="5" t="s">
        <v>88</v>
      </c>
      <c r="B53" s="6">
        <v>121.9602127034652</v>
      </c>
      <c r="C53" s="6">
        <v>97.56674441599192</v>
      </c>
      <c r="D53" s="6">
        <v>76.962793291715187</v>
      </c>
      <c r="E53" s="6">
        <v>129.16544463683658</v>
      </c>
    </row>
    <row r="54" spans="1:5" x14ac:dyDescent="0.25">
      <c r="A54" s="5" t="s">
        <v>89</v>
      </c>
      <c r="B54" s="6">
        <v>124.22796099190772</v>
      </c>
      <c r="C54" s="6">
        <v>96.75777357504451</v>
      </c>
      <c r="D54" s="6">
        <v>79.161412394915246</v>
      </c>
      <c r="E54" s="6">
        <v>121.89783574919078</v>
      </c>
    </row>
    <row r="55" spans="1:5" x14ac:dyDescent="0.25">
      <c r="A55" s="5" t="s">
        <v>90</v>
      </c>
      <c r="B55" s="6">
        <v>126.39659835190994</v>
      </c>
      <c r="C55" s="6">
        <v>99.357309789713341</v>
      </c>
      <c r="D55" s="6">
        <v>86.173147661366826</v>
      </c>
      <c r="E55" s="6">
        <v>117.7092856501351</v>
      </c>
    </row>
    <row r="56" spans="1:5" x14ac:dyDescent="0.25">
      <c r="A56" s="5" t="s">
        <v>91</v>
      </c>
      <c r="B56" s="6">
        <v>128.18889016270006</v>
      </c>
      <c r="C56" s="6">
        <v>92.786128367134395</v>
      </c>
      <c r="D56" s="6">
        <v>85.379210485016486</v>
      </c>
      <c r="E56" s="6">
        <v>101.4553392922034</v>
      </c>
    </row>
    <row r="57" spans="1:5" x14ac:dyDescent="0.25">
      <c r="A57" s="5" t="s">
        <v>92</v>
      </c>
      <c r="B57" s="6">
        <v>123.70817526311555</v>
      </c>
      <c r="C57" s="6">
        <v>86.228350335608027</v>
      </c>
      <c r="D57" s="6">
        <v>74.769078503594173</v>
      </c>
      <c r="E57" s="6">
        <v>105.11348156951026</v>
      </c>
    </row>
  </sheetData>
  <pageMargins left="0.7" right="0.7" top="0.75" bottom="0.75" header="0.3" footer="0.3"/>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5A5EA53-4584-4E76-882F-D8213841D64D}">
  <dimension ref="A1:J45"/>
  <sheetViews>
    <sheetView workbookViewId="0">
      <selection activeCell="B5" sqref="B5"/>
    </sheetView>
  </sheetViews>
  <sheetFormatPr defaultColWidth="8.6640625" defaultRowHeight="13.2" x14ac:dyDescent="0.25"/>
  <cols>
    <col min="1" max="1" width="16.6640625" style="5" customWidth="1"/>
    <col min="2" max="2" width="8.109375" style="5" customWidth="1"/>
    <col min="3" max="3" width="6.33203125" style="5" bestFit="1" customWidth="1"/>
    <col min="4" max="4" width="8.33203125" style="5" bestFit="1" customWidth="1"/>
    <col min="5" max="5" width="7.33203125" style="5" bestFit="1" customWidth="1"/>
    <col min="6" max="6" width="13.33203125" style="5" bestFit="1" customWidth="1"/>
    <col min="7" max="7" width="11.5546875" style="5" bestFit="1" customWidth="1"/>
    <col min="8" max="16384" width="8.6640625" style="5"/>
  </cols>
  <sheetData>
    <row r="1" spans="1:10" s="39" customFormat="1" x14ac:dyDescent="0.25">
      <c r="A1" s="37" t="s">
        <v>22</v>
      </c>
      <c r="B1" s="37"/>
      <c r="C1" s="37"/>
    </row>
    <row r="2" spans="1:10" x14ac:dyDescent="0.25">
      <c r="A2" s="35" t="s">
        <v>2</v>
      </c>
      <c r="B2" s="7" t="s">
        <v>23</v>
      </c>
    </row>
    <row r="3" spans="1:10" x14ac:dyDescent="0.25">
      <c r="A3" s="35" t="s">
        <v>102</v>
      </c>
      <c r="B3" s="5" t="s">
        <v>136</v>
      </c>
    </row>
    <row r="4" spans="1:10" x14ac:dyDescent="0.25">
      <c r="A4" s="35" t="s">
        <v>103</v>
      </c>
      <c r="B4" s="40" t="s">
        <v>137</v>
      </c>
    </row>
    <row r="5" spans="1:10" x14ac:dyDescent="0.25">
      <c r="A5" s="35" t="s">
        <v>3</v>
      </c>
      <c r="B5" s="5" t="s">
        <v>138</v>
      </c>
    </row>
    <row r="7" spans="1:10" s="42" customFormat="1" x14ac:dyDescent="0.25">
      <c r="A7" s="41" t="s">
        <v>59</v>
      </c>
    </row>
    <row r="8" spans="1:10" x14ac:dyDescent="0.25">
      <c r="B8" s="43"/>
      <c r="C8" s="44"/>
      <c r="D8" s="45"/>
      <c r="E8" s="34"/>
      <c r="F8" s="34"/>
      <c r="G8" s="34"/>
    </row>
    <row r="9" spans="1:10" x14ac:dyDescent="0.25">
      <c r="A9" s="34" t="s">
        <v>60</v>
      </c>
      <c r="B9" s="40"/>
      <c r="C9" s="46"/>
      <c r="D9" s="43"/>
      <c r="E9" s="40"/>
      <c r="F9" s="43"/>
      <c r="G9" s="43"/>
    </row>
    <row r="10" spans="1:10" x14ac:dyDescent="0.25">
      <c r="B10" s="40" t="s">
        <v>95</v>
      </c>
      <c r="C10" s="40" t="s">
        <v>96</v>
      </c>
      <c r="D10" s="40" t="s">
        <v>97</v>
      </c>
      <c r="E10" s="40" t="s">
        <v>98</v>
      </c>
      <c r="F10" s="40" t="s">
        <v>99</v>
      </c>
      <c r="G10" s="40" t="s">
        <v>100</v>
      </c>
      <c r="I10" s="36"/>
      <c r="J10" s="36"/>
    </row>
    <row r="11" spans="1:10" x14ac:dyDescent="0.25">
      <c r="A11" s="5" t="s">
        <v>64</v>
      </c>
      <c r="B11" s="40">
        <v>100</v>
      </c>
      <c r="C11" s="40">
        <v>100</v>
      </c>
      <c r="D11" s="40">
        <v>100</v>
      </c>
      <c r="E11" s="40">
        <v>100</v>
      </c>
      <c r="F11" s="40">
        <v>100</v>
      </c>
      <c r="G11" s="40">
        <v>100</v>
      </c>
      <c r="I11" s="36"/>
      <c r="J11" s="36"/>
    </row>
    <row r="12" spans="1:10" x14ac:dyDescent="0.25">
      <c r="A12" s="5" t="s">
        <v>65</v>
      </c>
      <c r="B12" s="47">
        <v>102.7521865889213</v>
      </c>
      <c r="C12" s="48">
        <v>98.469571871748755</v>
      </c>
      <c r="D12" s="49">
        <v>99.444424325566814</v>
      </c>
      <c r="E12" s="48">
        <v>103.4222296326368</v>
      </c>
      <c r="F12" s="49">
        <v>103.2702515008111</v>
      </c>
      <c r="G12" s="49">
        <v>100.0042909532184</v>
      </c>
      <c r="I12" s="36"/>
      <c r="J12" s="36"/>
    </row>
    <row r="13" spans="1:10" x14ac:dyDescent="0.25">
      <c r="A13" s="5" t="s">
        <v>66</v>
      </c>
      <c r="B13" s="47">
        <v>101.0845481049563</v>
      </c>
      <c r="C13" s="48">
        <v>96.677876487316908</v>
      </c>
      <c r="D13" s="49">
        <v>99.763311723808428</v>
      </c>
      <c r="E13" s="48">
        <v>102.4393358484712</v>
      </c>
      <c r="F13" s="49">
        <v>106.8920295951977</v>
      </c>
      <c r="G13" s="49">
        <v>96.88963986441847</v>
      </c>
      <c r="I13" s="36"/>
      <c r="J13" s="36"/>
    </row>
    <row r="14" spans="1:10" x14ac:dyDescent="0.25">
      <c r="A14" s="5" t="s">
        <v>67</v>
      </c>
      <c r="B14" s="47">
        <v>108.0466472303207</v>
      </c>
      <c r="C14" s="48">
        <v>97.451754560151088</v>
      </c>
      <c r="D14" s="49">
        <v>98.882099999287348</v>
      </c>
      <c r="E14" s="48">
        <v>102.9734082812587</v>
      </c>
      <c r="F14" s="49">
        <v>108.7526624066216</v>
      </c>
      <c r="G14" s="49">
        <v>96.737541575758883</v>
      </c>
      <c r="I14" s="36"/>
      <c r="J14" s="36"/>
    </row>
    <row r="15" spans="1:10" x14ac:dyDescent="0.25">
      <c r="A15" s="5" t="s">
        <v>68</v>
      </c>
      <c r="B15" s="47">
        <v>111.7551020408163</v>
      </c>
      <c r="C15" s="49">
        <v>100.11631355489661</v>
      </c>
      <c r="D15" s="49">
        <v>99.279468881953321</v>
      </c>
      <c r="E15" s="48">
        <v>101.2437099365805</v>
      </c>
      <c r="F15" s="49">
        <v>114.87201410564209</v>
      </c>
      <c r="G15" s="49">
        <v>94.952573719571447</v>
      </c>
      <c r="I15" s="36"/>
      <c r="J15" s="36"/>
    </row>
    <row r="16" spans="1:10" x14ac:dyDescent="0.25">
      <c r="A16" s="5" t="s">
        <v>101</v>
      </c>
      <c r="B16" s="47">
        <v>111.20699708454811</v>
      </c>
      <c r="C16" s="52">
        <v>104.043954056396</v>
      </c>
      <c r="D16" s="49">
        <v>101.17112848335189</v>
      </c>
      <c r="E16" s="48">
        <v>102.4091023196211</v>
      </c>
      <c r="F16" s="49">
        <v>113.24784551138509</v>
      </c>
      <c r="G16" s="49">
        <v>95.143479820466482</v>
      </c>
      <c r="I16" s="36"/>
      <c r="J16" s="36"/>
    </row>
    <row r="17" spans="1:10" x14ac:dyDescent="0.25">
      <c r="A17" s="5" t="s">
        <v>70</v>
      </c>
      <c r="B17" s="47">
        <v>95.090379008746368</v>
      </c>
      <c r="C17" s="48">
        <v>107.3319105090647</v>
      </c>
      <c r="D17" s="49">
        <v>102.3129771241897</v>
      </c>
      <c r="E17" s="48">
        <v>102.36044288356599</v>
      </c>
      <c r="F17" s="49">
        <v>111.2653461944481</v>
      </c>
      <c r="G17" s="49">
        <v>95.266509531617913</v>
      </c>
      <c r="I17" s="36"/>
      <c r="J17" s="36"/>
    </row>
    <row r="18" spans="1:10" x14ac:dyDescent="0.25">
      <c r="A18" s="5" t="s">
        <v>71</v>
      </c>
      <c r="B18" s="47">
        <v>112.8163265306122</v>
      </c>
      <c r="C18" s="48">
        <v>105.8005518411274</v>
      </c>
      <c r="D18" s="49">
        <v>103.7468786711501</v>
      </c>
      <c r="E18" s="48">
        <v>105.54826482820521</v>
      </c>
      <c r="F18" s="49">
        <v>110.84185170069109</v>
      </c>
      <c r="G18" s="49">
        <v>94.806123248286141</v>
      </c>
    </row>
    <row r="19" spans="1:10" x14ac:dyDescent="0.25">
      <c r="A19" s="5" t="s">
        <v>72</v>
      </c>
      <c r="B19" s="47">
        <v>112.12827988338189</v>
      </c>
      <c r="C19" s="48">
        <v>104.80686119754709</v>
      </c>
      <c r="D19" s="49">
        <v>103.8890296738092</v>
      </c>
      <c r="E19" s="48">
        <v>110.1656770591092</v>
      </c>
      <c r="F19" s="49">
        <v>108.04676829328611</v>
      </c>
      <c r="G19" s="49">
        <v>95.50770997846007</v>
      </c>
    </row>
    <row r="20" spans="1:10" x14ac:dyDescent="0.25">
      <c r="A20" s="5" t="s">
        <v>73</v>
      </c>
      <c r="B20" s="47">
        <v>112.18658892128281</v>
      </c>
      <c r="C20" s="48">
        <v>102.6292727894087</v>
      </c>
      <c r="D20" s="49">
        <v>103.4459355868031</v>
      </c>
      <c r="E20" s="48">
        <v>115.06443755484359</v>
      </c>
      <c r="F20" s="49">
        <v>105.9244335904619</v>
      </c>
      <c r="G20" s="49">
        <v>94.683824937894641</v>
      </c>
    </row>
    <row r="21" spans="1:10" x14ac:dyDescent="0.25">
      <c r="A21" s="5" t="s">
        <v>74</v>
      </c>
      <c r="B21" s="47">
        <v>114.6239067055394</v>
      </c>
      <c r="C21" s="48">
        <v>101.29720895158781</v>
      </c>
      <c r="D21" s="49">
        <v>103.2091835057909</v>
      </c>
      <c r="E21" s="48">
        <v>111.4933616791058</v>
      </c>
      <c r="F21" s="49">
        <v>101.7917863330142</v>
      </c>
      <c r="G21" s="49">
        <v>90.86475061507916</v>
      </c>
    </row>
    <row r="22" spans="1:10" x14ac:dyDescent="0.25">
      <c r="A22" s="5" t="s">
        <v>75</v>
      </c>
      <c r="B22" s="47">
        <v>115.6967930029154</v>
      </c>
      <c r="C22" s="48">
        <v>100.66053968174739</v>
      </c>
      <c r="D22" s="49">
        <v>100.8443763126626</v>
      </c>
      <c r="E22" s="49">
        <v>118.230140017786</v>
      </c>
      <c r="F22" s="49">
        <v>101.1915389593571</v>
      </c>
      <c r="G22" s="49">
        <v>84.43794154075826</v>
      </c>
    </row>
    <row r="23" spans="1:10" x14ac:dyDescent="0.25">
      <c r="A23" s="5" t="s">
        <v>76</v>
      </c>
      <c r="B23" s="47">
        <v>109.5743440233236</v>
      </c>
      <c r="C23" s="52">
        <v>98.714016224051349</v>
      </c>
      <c r="D23" s="49">
        <v>97.77749503383599</v>
      </c>
      <c r="E23" s="49">
        <v>117.0038537262835</v>
      </c>
      <c r="F23" s="49">
        <v>96.431148797988655</v>
      </c>
      <c r="G23" s="49">
        <v>82.936157592592039</v>
      </c>
    </row>
    <row r="24" spans="1:10" x14ac:dyDescent="0.25">
      <c r="A24" s="5" t="s">
        <v>77</v>
      </c>
      <c r="B24" s="47">
        <v>108.932944606414</v>
      </c>
      <c r="C24" s="53">
        <v>94.475649076356831</v>
      </c>
      <c r="D24" s="6">
        <v>97.175905121838895</v>
      </c>
      <c r="E24" s="6">
        <v>104.3030182064411</v>
      </c>
      <c r="F24" s="6">
        <v>91.341145470019896</v>
      </c>
      <c r="G24" s="6">
        <v>80.814710007118762</v>
      </c>
    </row>
    <row r="25" spans="1:10" x14ac:dyDescent="0.25">
      <c r="A25" s="5" t="s">
        <v>78</v>
      </c>
      <c r="B25" s="47">
        <v>110.9154518950437</v>
      </c>
      <c r="C25" s="47">
        <v>89.698864377483829</v>
      </c>
      <c r="D25" s="6">
        <v>95.008521004059972</v>
      </c>
      <c r="E25" s="6">
        <v>108.5436624464561</v>
      </c>
      <c r="F25" s="6">
        <v>81.936056504138293</v>
      </c>
      <c r="G25" s="6">
        <v>83.245713430765505</v>
      </c>
    </row>
    <row r="26" spans="1:10" x14ac:dyDescent="0.25">
      <c r="A26" s="5" t="s">
        <v>79</v>
      </c>
      <c r="B26" s="47">
        <v>114.7055393586006</v>
      </c>
      <c r="C26" s="47">
        <v>88.684634376637902</v>
      </c>
      <c r="D26" s="6">
        <v>100.75448473033499</v>
      </c>
      <c r="E26" s="6">
        <v>106.4371868545273</v>
      </c>
      <c r="F26" s="6">
        <v>97.341120961912239</v>
      </c>
      <c r="G26" s="6">
        <v>83.389185083031535</v>
      </c>
    </row>
    <row r="27" spans="1:10" x14ac:dyDescent="0.25">
      <c r="A27" s="5" t="s">
        <v>80</v>
      </c>
      <c r="B27" s="47">
        <v>112.53644314868809</v>
      </c>
      <c r="C27" s="47">
        <v>86.125946247961465</v>
      </c>
      <c r="D27" s="6">
        <v>102.6156317259733</v>
      </c>
      <c r="E27" s="6">
        <v>106.5197975607132</v>
      </c>
      <c r="F27" s="6">
        <v>100.8952936191619</v>
      </c>
      <c r="G27" s="6">
        <v>81.503542942917846</v>
      </c>
    </row>
    <row r="28" spans="1:10" x14ac:dyDescent="0.25">
      <c r="A28" s="5" t="s">
        <v>81</v>
      </c>
      <c r="B28" s="6">
        <v>123.8367346938775</v>
      </c>
      <c r="C28" s="47">
        <v>82.459439439476128</v>
      </c>
      <c r="D28" s="6">
        <v>101.8358521091469</v>
      </c>
      <c r="E28" s="6">
        <v>103.7170979961239</v>
      </c>
      <c r="F28" s="6">
        <v>99.668417181483335</v>
      </c>
      <c r="G28" s="6">
        <v>82.810324809076548</v>
      </c>
    </row>
    <row r="29" spans="1:10" x14ac:dyDescent="0.25">
      <c r="A29" s="5" t="s">
        <v>82</v>
      </c>
      <c r="B29" s="6">
        <v>130.47230320699711</v>
      </c>
      <c r="C29" s="6">
        <v>84.370372547205847</v>
      </c>
      <c r="D29" s="6">
        <v>100.02180349499309</v>
      </c>
      <c r="E29" s="6">
        <v>99.444836077575658</v>
      </c>
      <c r="F29" s="6">
        <v>102.062735872899</v>
      </c>
      <c r="G29" s="6">
        <v>81.435362048361199</v>
      </c>
    </row>
    <row r="30" spans="1:10" x14ac:dyDescent="0.25">
      <c r="A30" s="5" t="s">
        <v>83</v>
      </c>
      <c r="B30" s="6">
        <v>136.8163265306122</v>
      </c>
      <c r="C30" s="6">
        <v>82.876451961515258</v>
      </c>
      <c r="D30" s="6">
        <v>102.9949585008093</v>
      </c>
      <c r="E30" s="6">
        <v>100.53670438183541</v>
      </c>
      <c r="F30" s="6">
        <v>100.0737548193605</v>
      </c>
      <c r="G30" s="6">
        <v>78.698656903427306</v>
      </c>
    </row>
    <row r="31" spans="1:10" x14ac:dyDescent="0.25">
      <c r="A31" s="5" t="s">
        <v>84</v>
      </c>
      <c r="B31" s="6">
        <v>126.9387755102041</v>
      </c>
      <c r="C31" s="6">
        <v>84.255543548607847</v>
      </c>
      <c r="D31" s="6">
        <v>102.7600088590486</v>
      </c>
      <c r="E31" s="6">
        <v>104.79955140626561</v>
      </c>
      <c r="F31" s="6">
        <v>104.1165629709877</v>
      </c>
      <c r="G31" s="6">
        <v>78.920787776037699</v>
      </c>
    </row>
    <row r="32" spans="1:10" x14ac:dyDescent="0.25">
      <c r="A32" s="5" t="s">
        <v>85</v>
      </c>
      <c r="B32" s="6">
        <v>121.97084548104959</v>
      </c>
      <c r="C32" s="6">
        <v>85.667488782976591</v>
      </c>
      <c r="D32" s="6">
        <v>104.4638443650356</v>
      </c>
      <c r="E32" s="6">
        <v>97.981900094124313</v>
      </c>
      <c r="F32" s="6">
        <v>97.41354353832935</v>
      </c>
      <c r="G32" s="6">
        <v>78.986212856045569</v>
      </c>
    </row>
    <row r="33" spans="1:7" x14ac:dyDescent="0.25">
      <c r="A33" s="5" t="s">
        <v>86</v>
      </c>
      <c r="B33" s="6">
        <v>120.932944606414</v>
      </c>
      <c r="C33" s="6">
        <v>88.729171844721449</v>
      </c>
      <c r="D33" s="6">
        <v>104.4968642820081</v>
      </c>
      <c r="E33" s="6">
        <v>105.52347624695889</v>
      </c>
      <c r="F33" s="6">
        <v>97.968974713296845</v>
      </c>
      <c r="G33" s="6">
        <v>79.691517690589592</v>
      </c>
    </row>
    <row r="34" spans="1:7" x14ac:dyDescent="0.25">
      <c r="A34" s="5" t="s">
        <v>87</v>
      </c>
      <c r="B34" s="6">
        <v>122.9154518950437</v>
      </c>
      <c r="C34" s="6">
        <v>87.457593128966792</v>
      </c>
      <c r="D34" s="6">
        <v>105.3202506959489</v>
      </c>
      <c r="E34" s="6">
        <v>104.50656858296379</v>
      </c>
      <c r="F34" s="6">
        <v>96.935650056887411</v>
      </c>
      <c r="G34" s="6">
        <v>77.590767532041909</v>
      </c>
    </row>
    <row r="35" spans="1:7" x14ac:dyDescent="0.25">
      <c r="A35" s="5" t="s">
        <v>88</v>
      </c>
      <c r="B35" s="6">
        <v>117.8425655976676</v>
      </c>
      <c r="C35" s="6">
        <v>86.558361418721958</v>
      </c>
      <c r="D35" s="6">
        <v>100.9528128717148</v>
      </c>
      <c r="E35" s="6">
        <v>101.70313282426351</v>
      </c>
      <c r="F35" s="6">
        <v>97.51297887846782</v>
      </c>
      <c r="G35" s="6">
        <v>76.875703870201889</v>
      </c>
    </row>
    <row r="36" spans="1:7" x14ac:dyDescent="0.25">
      <c r="A36" s="5" t="s">
        <v>89</v>
      </c>
      <c r="B36" s="6">
        <v>117.10787172011661</v>
      </c>
      <c r="C36" s="6">
        <v>80.678523204126634</v>
      </c>
      <c r="D36" s="6">
        <v>103.7031593730955</v>
      </c>
      <c r="E36" s="6">
        <v>106.97009248901909</v>
      </c>
      <c r="F36" s="6">
        <v>102.8697745553863</v>
      </c>
      <c r="G36" s="6">
        <v>84.682837977856011</v>
      </c>
    </row>
    <row r="38" spans="1:7" x14ac:dyDescent="0.25">
      <c r="A38" s="34" t="s">
        <v>139</v>
      </c>
    </row>
    <row r="39" spans="1:7" x14ac:dyDescent="0.25">
      <c r="B39" s="5" t="s">
        <v>140</v>
      </c>
    </row>
    <row r="40" spans="1:7" x14ac:dyDescent="0.25">
      <c r="A40" s="5" t="s">
        <v>100</v>
      </c>
      <c r="B40" s="36">
        <v>1.26195652173913</v>
      </c>
    </row>
    <row r="41" spans="1:7" x14ac:dyDescent="0.25">
      <c r="A41" s="5" t="s">
        <v>97</v>
      </c>
      <c r="B41" s="36">
        <v>1.0407319952774501</v>
      </c>
    </row>
    <row r="42" spans="1:7" x14ac:dyDescent="0.25">
      <c r="A42" s="5" t="s">
        <v>95</v>
      </c>
      <c r="B42" s="36">
        <v>1</v>
      </c>
    </row>
    <row r="43" spans="1:7" x14ac:dyDescent="0.25">
      <c r="A43" s="5" t="s">
        <v>98</v>
      </c>
      <c r="B43" s="36">
        <v>0.91534653465346538</v>
      </c>
    </row>
    <row r="44" spans="1:7" x14ac:dyDescent="0.25">
      <c r="A44" s="5" t="s">
        <v>96</v>
      </c>
      <c r="B44" s="36">
        <v>0.78404750693245429</v>
      </c>
    </row>
    <row r="45" spans="1:7" x14ac:dyDescent="0.25">
      <c r="A45" s="5" t="s">
        <v>99</v>
      </c>
      <c r="B45" s="36">
        <v>0.71033927480704073</v>
      </c>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4ea64f0a-2bba-4f36-90bb-78610d53d103">
      <Terms xmlns="http://schemas.microsoft.com/office/infopath/2007/PartnerControls"/>
    </lcf76f155ced4ddcb4097134ff3c332f>
    <TaxCatchAll xmlns="7041029b-c3e8-4b2c-9f34-74dad6c16ae1">
      <Value>1</Value>
    </TaxCatchAll>
    <i0f84bba906045b4af568ee102a52dcb xmlns="7041029b-c3e8-4b2c-9f34-74dad6c16ae1">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F1E6076F6709494DAC730F65C154E40B" ma:contentTypeVersion="14" ma:contentTypeDescription="Create a new document." ma:contentTypeScope="" ma:versionID="34cc5daa5c8d2ba4516e88413a9057bf">
  <xsd:schema xmlns:xsd="http://www.w3.org/2001/XMLSchema" xmlns:xs="http://www.w3.org/2001/XMLSchema" xmlns:p="http://schemas.microsoft.com/office/2006/metadata/properties" xmlns:ns2="7041029b-c3e8-4b2c-9f34-74dad6c16ae1" xmlns:ns3="4ea64f0a-2bba-4f36-90bb-78610d53d103" targetNamespace="http://schemas.microsoft.com/office/2006/metadata/properties" ma:root="true" ma:fieldsID="4a0042f17954e92ddb8c4419aa6adda1" ns2:_="" ns3:_="">
    <xsd:import namespace="7041029b-c3e8-4b2c-9f34-74dad6c16ae1"/>
    <xsd:import namespace="4ea64f0a-2bba-4f36-90bb-78610d53d103"/>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ObjectDetectorVersions" minOccurs="0"/>
                <xsd:element ref="ns3:lcf76f155ced4ddcb4097134ff3c332f" minOccurs="0"/>
                <xsd:element ref="ns3:MediaServiceDateTaken"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041029b-c3e8-4b2c-9f34-74dad6c16ae1"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82175d25-041e-42e9-861c-19eef3149b5b}" ma:internalName="TaxCatchAll" ma:showField="CatchAllData" ma:web="7041029b-c3e8-4b2c-9f34-74dad6c16ae1">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4ea64f0a-2bba-4f36-90bb-78610d53d103"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transformationConfigurations":[],"templateName":"Workbook","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A756020F-E096-4C05-8247-85B882D132D9}">
  <ds:schemaRefs>
    <ds:schemaRef ds:uri="7041029b-c3e8-4b2c-9f34-74dad6c16ae1"/>
    <ds:schemaRef ds:uri="http://schemas.openxmlformats.org/package/2006/metadata/core-properties"/>
    <ds:schemaRef ds:uri="http://purl.org/dc/elements/1.1/"/>
    <ds:schemaRef ds:uri="http://schemas.microsoft.com/office/2006/metadata/properties"/>
    <ds:schemaRef ds:uri="http://schemas.microsoft.com/office/infopath/2007/PartnerControls"/>
    <ds:schemaRef ds:uri="http://www.w3.org/XML/1998/namespace"/>
    <ds:schemaRef ds:uri="http://schemas.microsoft.com/office/2006/documentManagement/types"/>
    <ds:schemaRef ds:uri="4ea64f0a-2bba-4f36-90bb-78610d53d103"/>
    <ds:schemaRef ds:uri="http://purl.org/dc/dcmitype/"/>
    <ds:schemaRef ds:uri="http://purl.org/dc/terms/"/>
  </ds:schemaRefs>
</ds:datastoreItem>
</file>

<file path=customXml/itemProps2.xml><?xml version="1.0" encoding="utf-8"?>
<ds:datastoreItem xmlns:ds="http://schemas.openxmlformats.org/officeDocument/2006/customXml" ds:itemID="{63F4357F-0B08-42AC-94E0-23C0FEC7A20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041029b-c3e8-4b2c-9f34-74dad6c16ae1"/>
    <ds:schemaRef ds:uri="4ea64f0a-2bba-4f36-90bb-78610d53d10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780D166-CF6B-47B5-8626-6A00952BB85F}">
  <ds:schemaRefs>
    <ds:schemaRef ds:uri="http://schemas.microsoft.com/sharepoint/v3/contenttype/forms"/>
  </ds:schemaRefs>
</ds:datastoreItem>
</file>

<file path=customXml/itemProps4.xml><?xml version="1.0" encoding="utf-8"?>
<ds:datastoreItem xmlns:ds="http://schemas.openxmlformats.org/officeDocument/2006/customXml" ds:itemID="{CD9655C0-F7A1-4D55-9147-BB925AD94C66}">
  <ds:schemaRefs/>
</ds:datastoreItem>
</file>

<file path=customXml/itemProps5.xml><?xml version="1.0" encoding="utf-8"?>
<ds:datastoreItem xmlns:ds="http://schemas.openxmlformats.org/officeDocument/2006/customXml" ds:itemID="{07F143E1-34BE-43D3-9125-44B8FA468A7C}">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24</vt:i4>
      </vt:variant>
    </vt:vector>
  </HeadingPairs>
  <TitlesOfParts>
    <vt:vector size="24" baseType="lpstr">
      <vt:lpstr>Index</vt:lpstr>
      <vt:lpstr>Figure 1</vt:lpstr>
      <vt:lpstr>Figure 2</vt:lpstr>
      <vt:lpstr>Figure 1.1</vt:lpstr>
      <vt:lpstr>Figure 1.2</vt:lpstr>
      <vt:lpstr>Figure 2.3</vt:lpstr>
      <vt:lpstr>Figure 2.4</vt:lpstr>
      <vt:lpstr>Figure 2.5</vt:lpstr>
      <vt:lpstr>Figure 2.6</vt:lpstr>
      <vt:lpstr>Figure 2.7</vt:lpstr>
      <vt:lpstr>Figure 3.2</vt:lpstr>
      <vt:lpstr>Figure 3.3</vt:lpstr>
      <vt:lpstr>Figure 3.4</vt:lpstr>
      <vt:lpstr>Box 3.3</vt:lpstr>
      <vt:lpstr>Figure B.1</vt:lpstr>
      <vt:lpstr>Figure B.8</vt:lpstr>
      <vt:lpstr>Figure B.11</vt:lpstr>
      <vt:lpstr>Figure B.12</vt:lpstr>
      <vt:lpstr>Box C.1</vt:lpstr>
      <vt:lpstr>Box C.2</vt:lpstr>
      <vt:lpstr>Table C.1</vt:lpstr>
      <vt:lpstr>Figure D.1</vt:lpstr>
      <vt:lpstr>Figure D.2</vt:lpstr>
      <vt:lpstr>Figure D.4</vt:lpstr>
    </vt:vector>
  </TitlesOfParts>
  <Manager/>
  <Company>Productivity Commission</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ata tables - Housing construction productivity: Can we fix it?</dc:title>
  <dc:subject/>
  <dc:creator>Productivity Commission</dc:creator>
  <cp:keywords/>
  <dc:description/>
  <cp:lastModifiedBy>Chris Alston</cp:lastModifiedBy>
  <cp:revision/>
  <dcterms:created xsi:type="dcterms:W3CDTF">2024-09-02T03:02:03Z</dcterms:created>
  <dcterms:modified xsi:type="dcterms:W3CDTF">2025-02-18T04:08:48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19133651973329</vt:lpwstr>
  </property>
  <property fmtid="{D5CDD505-2E9C-101B-9397-08002B2CF9AE}" pid="4" name="TemplafyUserProfileId">
    <vt:lpwstr>638182518507342031</vt:lpwstr>
  </property>
  <property fmtid="{D5CDD505-2E9C-101B-9397-08002B2CF9AE}" pid="5" name="TemplafyFromBlank">
    <vt:bool>true</vt:bool>
  </property>
  <property fmtid="{D5CDD505-2E9C-101B-9397-08002B2CF9AE}" pid="6" name="ContentTypeId">
    <vt:lpwstr>0x010100F1E6076F6709494DAC730F65C154E40B</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c7ed185f-6949-4268-afe4-41fc82426dd5</vt:lpwstr>
  </property>
  <property fmtid="{D5CDD505-2E9C-101B-9397-08002B2CF9AE}" pid="10" name="MSIP_Label_c1f2b1ce-4212-46db-a901-dd8453f57141_Enabled">
    <vt:lpwstr>true</vt:lpwstr>
  </property>
  <property fmtid="{D5CDD505-2E9C-101B-9397-08002B2CF9AE}" pid="11" name="MSIP_Label_c1f2b1ce-4212-46db-a901-dd8453f57141_SetDate">
    <vt:lpwstr>2025-02-18T04:07:36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0cbec36-2903-436d-b474-b54e4045f6bf</vt:lpwstr>
  </property>
  <property fmtid="{D5CDD505-2E9C-101B-9397-08002B2CF9AE}" pid="16" name="MSIP_Label_c1f2b1ce-4212-46db-a901-dd8453f57141_ContentBits">
    <vt:lpwstr>0</vt:lpwstr>
  </property>
  <property fmtid="{D5CDD505-2E9C-101B-9397-08002B2CF9AE}" pid="17" name="MSIP_Label_c1f2b1ce-4212-46db-a901-dd8453f57141_Tag">
    <vt:lpwstr>10, 0, 1, 1</vt:lpwstr>
  </property>
</Properties>
</file>